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filterPrivacy="1"/>
  <xr:revisionPtr revIDLastSave="0" documentId="13_ncr:1_{A4E7A20D-3226-4750-B128-3E947E547599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貸借対照表" sheetId="2" r:id="rId1"/>
    <sheet name="行政コスト計算書" sheetId="3" r:id="rId2"/>
    <sheet name="純資産変動計算書" sheetId="4" r:id="rId3"/>
    <sheet name="キャッシュフロー計算書" sheetId="5" r:id="rId4"/>
    <sheet name="注記 " sheetId="1" r:id="rId5"/>
    <sheet name="有形固定資産等明細表" sheetId="6" r:id="rId6"/>
    <sheet name="引当金明細表" sheetId="7" r:id="rId7"/>
  </sheets>
  <externalReferences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3">キャッシュフロー計算書!$A$1:$U$64</definedName>
    <definedName name="_xlnm.Print_Area" localSheetId="6">引当金明細表!$A$1:$O$20</definedName>
    <definedName name="_xlnm.Print_Area" localSheetId="1">行政コスト計算書!$A$1:$M$64</definedName>
    <definedName name="_xlnm.Print_Area" localSheetId="2">純資産変動計算書!$A$1:$N$59</definedName>
    <definedName name="_xlnm.Print_Area" localSheetId="0">貸借対照表!$A$1:$T$65</definedName>
    <definedName name="_xlnm.Print_Area" localSheetId="4">'注記 '!$A$1:$D$38</definedName>
    <definedName name="_xlnm.Print_Area" localSheetId="5">有形固定資産等明細表!$A$1:$P$37</definedName>
    <definedName name="_xlnm.Print_Titles" localSheetId="4">'注記 '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1" uniqueCount="231">
  <si>
    <t>一般会計</t>
    <rPh sb="0" eb="2">
      <t>イッパン</t>
    </rPh>
    <phoneticPr fontId="3"/>
  </si>
  <si>
    <t>鶴見区役所</t>
    <rPh sb="0" eb="5">
      <t>ツルミクヤクショ</t>
    </rPh>
    <phoneticPr fontId="3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3"/>
  </si>
  <si>
    <t>該当事項はありません。</t>
  </si>
  <si>
    <t>国民健康保険事業</t>
    <phoneticPr fontId="3"/>
  </si>
  <si>
    <t>負債及び純資産の部合計</t>
  </si>
  <si>
    <t>資産の部合計</t>
  </si>
  <si>
    <t>純資産の部合計</t>
  </si>
  <si>
    <t>貸倒引当金</t>
  </si>
  <si>
    <t>その他債権</t>
  </si>
  <si>
    <t>長期貸付金</t>
  </si>
  <si>
    <t>その他基金</t>
  </si>
  <si>
    <t>公債償還基金</t>
  </si>
  <si>
    <t>基金</t>
  </si>
  <si>
    <t>信託受益権</t>
  </si>
  <si>
    <t>公営企業会計出資金</t>
  </si>
  <si>
    <t>出資による権利</t>
  </si>
  <si>
    <t>有価証券</t>
  </si>
  <si>
    <t>出資金</t>
  </si>
  <si>
    <t>建設仮勘定</t>
  </si>
  <si>
    <t>ソフトウェア</t>
  </si>
  <si>
    <t>リース資産</t>
  </si>
  <si>
    <t>重要物品</t>
  </si>
  <si>
    <t>特許権等</t>
  </si>
  <si>
    <t>地上権等</t>
  </si>
  <si>
    <t>無形インフラ固定資産</t>
  </si>
  <si>
    <t>工作物</t>
  </si>
  <si>
    <t>建物</t>
  </si>
  <si>
    <t>土地</t>
  </si>
  <si>
    <t>有形インフラ固定資産</t>
  </si>
  <si>
    <t>インフラ資産</t>
  </si>
  <si>
    <t>その他有価証券評価差額金</t>
  </si>
  <si>
    <t>評価・換算差額等</t>
  </si>
  <si>
    <t>無形事業用固定資産</t>
  </si>
  <si>
    <t>累積余剰</t>
  </si>
  <si>
    <t>航空機</t>
  </si>
  <si>
    <t>純資産の部</t>
  </si>
  <si>
    <t>浮標等</t>
  </si>
  <si>
    <t>負債の部合計</t>
  </si>
  <si>
    <t>船舶</t>
  </si>
  <si>
    <t>その他固定負債</t>
  </si>
  <si>
    <t>立木竹</t>
  </si>
  <si>
    <t>リース債務</t>
  </si>
  <si>
    <t>長期未払金</t>
  </si>
  <si>
    <t>損失補償等引当金</t>
  </si>
  <si>
    <t>退職手当引当金</t>
  </si>
  <si>
    <t>有形事業用固定資産</t>
  </si>
  <si>
    <t>その他長期借入金</t>
  </si>
  <si>
    <t>事業用資産</t>
  </si>
  <si>
    <t>他会計借入金</t>
  </si>
  <si>
    <t>固定資産</t>
  </si>
  <si>
    <t>長期借入金</t>
  </si>
  <si>
    <t>その他流動資産</t>
  </si>
  <si>
    <t>地方債</t>
  </si>
  <si>
    <t>固定負債</t>
  </si>
  <si>
    <t>短期貸付金</t>
  </si>
  <si>
    <t>その他流動負債</t>
  </si>
  <si>
    <t>還付未済金</t>
  </si>
  <si>
    <t>財政調整基金</t>
  </si>
  <si>
    <t>未払金</t>
  </si>
  <si>
    <t>賞与引当金</t>
  </si>
  <si>
    <t>その他短期借入金</t>
  </si>
  <si>
    <t>未収金</t>
  </si>
  <si>
    <t>歳入歳出外現金</t>
  </si>
  <si>
    <t>短期借入金</t>
  </si>
  <si>
    <t>歳計現金</t>
  </si>
  <si>
    <t>現金預金</t>
  </si>
  <si>
    <t>流動負債</t>
  </si>
  <si>
    <t>流動資産</t>
  </si>
  <si>
    <t>負債の部</t>
  </si>
  <si>
    <t>資産の部</t>
  </si>
  <si>
    <t>（単位：円）</t>
    <phoneticPr fontId="14"/>
  </si>
  <si>
    <t/>
  </si>
  <si>
    <t>（令和7年3月31日）</t>
    <phoneticPr fontId="14"/>
  </si>
  <si>
    <t>貸 借 対 照 表</t>
    <phoneticPr fontId="14"/>
  </si>
  <si>
    <t>国民健康保険事業</t>
  </si>
  <si>
    <t>鶴見区役所</t>
  </si>
  <si>
    <t>一般会計</t>
  </si>
  <si>
    <t>当年度収支差額</t>
  </si>
  <si>
    <t>内部取引</t>
  </si>
  <si>
    <t>一般財源等配分調整額</t>
  </si>
  <si>
    <t>特別収支差額</t>
  </si>
  <si>
    <t>その他特別損失</t>
  </si>
  <si>
    <t>事業再編等に伴う移転損益</t>
  </si>
  <si>
    <t>出資金評価損</t>
  </si>
  <si>
    <t>貸倒損失</t>
  </si>
  <si>
    <t>災害による損失</t>
  </si>
  <si>
    <t>資産除売却損</t>
  </si>
  <si>
    <t>特別損失</t>
  </si>
  <si>
    <t>その他特別利益</t>
  </si>
  <si>
    <t>資産受贈益</t>
  </si>
  <si>
    <t>資産売却益</t>
  </si>
  <si>
    <t>特別利益</t>
  </si>
  <si>
    <t>経常収支差額</t>
  </si>
  <si>
    <t>その他経常費用</t>
  </si>
  <si>
    <t>公営企業への繰出金</t>
  </si>
  <si>
    <t>特別会計への繰出金</t>
  </si>
  <si>
    <t>一般会計への繰出金</t>
  </si>
  <si>
    <t>他会計への繰出金</t>
  </si>
  <si>
    <t>負担金・補助金・交付金等</t>
  </si>
  <si>
    <t>扶助費</t>
  </si>
  <si>
    <t>棚卸資産売却原価</t>
  </si>
  <si>
    <t>損失補償等引当金繰入額</t>
  </si>
  <si>
    <t>貸倒引当金繰入額</t>
  </si>
  <si>
    <t>支払利息及び手数料</t>
  </si>
  <si>
    <t>減価償却費</t>
  </si>
  <si>
    <t>維持補修費</t>
  </si>
  <si>
    <t>物件費</t>
  </si>
  <si>
    <t>退職手当引当金繰入額</t>
  </si>
  <si>
    <t>賞与引当金繰入額</t>
  </si>
  <si>
    <t>給与関係費</t>
  </si>
  <si>
    <t>経常費用</t>
  </si>
  <si>
    <t>その他経常収益</t>
  </si>
  <si>
    <t>受取利息及び配当金</t>
  </si>
  <si>
    <t>棚卸資産売却収入</t>
  </si>
  <si>
    <t>公営企業からの繰入金</t>
  </si>
  <si>
    <t>特別会計からの繰入金</t>
  </si>
  <si>
    <t>一般会計からの繰入金</t>
  </si>
  <si>
    <t>他会計からの繰入金</t>
  </si>
  <si>
    <t>国・府支出金</t>
  </si>
  <si>
    <t>使用料及び手数料</t>
  </si>
  <si>
    <t>分担金及び負担金</t>
  </si>
  <si>
    <t>保険料</t>
  </si>
  <si>
    <t>地方交付税</t>
  </si>
  <si>
    <t>地方特例交付金</t>
  </si>
  <si>
    <t>交付金</t>
  </si>
  <si>
    <t>地方譲与税</t>
  </si>
  <si>
    <t>市税</t>
  </si>
  <si>
    <t>経常収益</t>
  </si>
  <si>
    <t>（自令和6年4月1日　至令和7年3月31日）</t>
    <phoneticPr fontId="14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4"/>
  </si>
  <si>
    <t>当年度末残高</t>
    <rPh sb="0" eb="1">
      <t>トウ</t>
    </rPh>
    <rPh sb="1" eb="3">
      <t>ネンド</t>
    </rPh>
    <phoneticPr fontId="14"/>
  </si>
  <si>
    <t>当年度変動額</t>
    <rPh sb="0" eb="1">
      <t>トウ</t>
    </rPh>
    <rPh sb="1" eb="3">
      <t>ネンド</t>
    </rPh>
    <rPh sb="3" eb="5">
      <t>ヘンドウ</t>
    </rPh>
    <phoneticPr fontId="14"/>
  </si>
  <si>
    <t>前年度末残高</t>
    <rPh sb="0" eb="3">
      <t>ゼンネンド</t>
    </rPh>
    <phoneticPr fontId="14"/>
  </si>
  <si>
    <t>合計</t>
    <phoneticPr fontId="14"/>
  </si>
  <si>
    <t>評価・換算差額等</t>
    <phoneticPr fontId="14"/>
  </si>
  <si>
    <t>累積余剰</t>
    <phoneticPr fontId="14"/>
  </si>
  <si>
    <t>区分</t>
  </si>
  <si>
    <t>純 資 産 変 動 計 算 書</t>
    <phoneticPr fontId="14"/>
  </si>
  <si>
    <t>その他投資活動収入</t>
  </si>
  <si>
    <t>保証金等返還収入</t>
  </si>
  <si>
    <t>公営企業会計からの繰入金収入</t>
  </si>
  <si>
    <t>特別会計からの繰入金収入</t>
  </si>
  <si>
    <t>一般会計からの繰入金収入</t>
  </si>
  <si>
    <t>他会計からの繰入金収入</t>
  </si>
  <si>
    <t>貸付金回収元金収入</t>
  </si>
  <si>
    <t>その他の基金（取崩額）</t>
  </si>
  <si>
    <t>当年度末現金預金残高</t>
  </si>
  <si>
    <t>財政調整基金（取崩額）</t>
  </si>
  <si>
    <t>前年度末現金預金残高</t>
  </si>
  <si>
    <t>基金繰入金（取崩額）</t>
  </si>
  <si>
    <t>資産売却収入</t>
  </si>
  <si>
    <t>当年度現金預金増減額</t>
  </si>
  <si>
    <t>投資活動収入</t>
  </si>
  <si>
    <t>財務活動収支差額</t>
  </si>
  <si>
    <t>投資活動</t>
  </si>
  <si>
    <t>その他財務活動支出</t>
  </si>
  <si>
    <t>行政サービス活動収支差額</t>
  </si>
  <si>
    <t>公営企業会計への繰出金支出</t>
  </si>
  <si>
    <t>その他行政支出</t>
  </si>
  <si>
    <t>特別会計への繰出金支出</t>
  </si>
  <si>
    <t>一般会計への繰出金支出</t>
  </si>
  <si>
    <t>他会計への繰出金支出</t>
  </si>
  <si>
    <t>リース債務償還金支出</t>
  </si>
  <si>
    <t>借入金償還金支出</t>
  </si>
  <si>
    <t>負担金・補助金・交付金等支出</t>
  </si>
  <si>
    <t>地方債償還金支出</t>
  </si>
  <si>
    <t>扶助費支出</t>
  </si>
  <si>
    <t>財務活動支出</t>
  </si>
  <si>
    <t>支払利息及び手数料支出</t>
  </si>
  <si>
    <t>その他財務活動収入</t>
  </si>
  <si>
    <t>維持補修費支出</t>
  </si>
  <si>
    <t>物件費支出</t>
  </si>
  <si>
    <t>給与関係費支出</t>
  </si>
  <si>
    <t>行政サービス活動支出</t>
  </si>
  <si>
    <t>その他行政収入</t>
  </si>
  <si>
    <t>借入金収入</t>
  </si>
  <si>
    <t>受取利息及び配当金収入</t>
  </si>
  <si>
    <t>地方債収入</t>
  </si>
  <si>
    <t>財務活動収入</t>
  </si>
  <si>
    <t>財務活動</t>
  </si>
  <si>
    <t>投資活動収支差額</t>
  </si>
  <si>
    <t>保証金等支出</t>
  </si>
  <si>
    <t>国・府支出金収入</t>
  </si>
  <si>
    <t>使用料及び手数料収入</t>
  </si>
  <si>
    <t>分担金及び負担金収入</t>
  </si>
  <si>
    <t>保険料収入</t>
  </si>
  <si>
    <t>貸付金支出</t>
  </si>
  <si>
    <t>地方交付税収入</t>
  </si>
  <si>
    <t>出資金支出</t>
  </si>
  <si>
    <t>地方特例交付金収入</t>
  </si>
  <si>
    <t>その他の基金積立金</t>
  </si>
  <si>
    <t>交付金収入</t>
  </si>
  <si>
    <t>財政調整基金積立金</t>
  </si>
  <si>
    <t>地方譲与税収入</t>
  </si>
  <si>
    <t>基金積立金</t>
  </si>
  <si>
    <t>市税収入</t>
  </si>
  <si>
    <t>固定資産取得支出</t>
  </si>
  <si>
    <t>行政サービス活動収入</t>
  </si>
  <si>
    <t>投資活動支出</t>
  </si>
  <si>
    <t>行政サービス活動</t>
  </si>
  <si>
    <t>キ ャ ッ シ ュ ・ フ ロ ー 計 算 書</t>
    <phoneticPr fontId="14"/>
  </si>
  <si>
    <t>合　　　　計</t>
    <phoneticPr fontId="14"/>
  </si>
  <si>
    <t>④－⑤</t>
    <phoneticPr fontId="14"/>
  </si>
  <si>
    <t>⑥</t>
    <phoneticPr fontId="14"/>
  </si>
  <si>
    <t>⑤</t>
    <phoneticPr fontId="14"/>
  </si>
  <si>
    <t>④＝①＋②－③</t>
    <phoneticPr fontId="14"/>
  </si>
  <si>
    <t>③</t>
    <phoneticPr fontId="14"/>
  </si>
  <si>
    <t>②</t>
    <phoneticPr fontId="14"/>
  </si>
  <si>
    <t>①</t>
    <phoneticPr fontId="14"/>
  </si>
  <si>
    <t>差引当年度末残高</t>
    <rPh sb="0" eb="2">
      <t>サシヒキ</t>
    </rPh>
    <rPh sb="5" eb="6">
      <t>マツ</t>
    </rPh>
    <rPh sb="6" eb="8">
      <t>ザンダカ</t>
    </rPh>
    <phoneticPr fontId="14"/>
  </si>
  <si>
    <t>当年度償却額</t>
    <phoneticPr fontId="14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4"/>
  </si>
  <si>
    <t>当年度末残高</t>
    <rPh sb="3" eb="4">
      <t>マツ</t>
    </rPh>
    <rPh sb="4" eb="6">
      <t>ザンダカ</t>
    </rPh>
    <phoneticPr fontId="14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4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4"/>
  </si>
  <si>
    <t>前年度末残高</t>
    <rPh sb="0" eb="3">
      <t>ゼンネンド</t>
    </rPh>
    <rPh sb="3" eb="4">
      <t>マツ</t>
    </rPh>
    <rPh sb="4" eb="6">
      <t>ザンダカ</t>
    </rPh>
    <phoneticPr fontId="14"/>
  </si>
  <si>
    <t>区分</t>
    <phoneticPr fontId="14"/>
  </si>
  <si>
    <t>有 形 固 定 資 産 等 明 細 表</t>
    <phoneticPr fontId="14"/>
  </si>
  <si>
    <t>合計</t>
    <rPh sb="0" eb="2">
      <t>ゴウケイ</t>
    </rPh>
    <phoneticPr fontId="14"/>
  </si>
  <si>
    <t>貸倒引当金（固定：その他）</t>
  </si>
  <si>
    <t>貸倒引当金（固定：長期貸付金）</t>
  </si>
  <si>
    <t>貸倒引当金（固定：基金）</t>
  </si>
  <si>
    <t>貸倒引当金（流動：短期貸付金）</t>
  </si>
  <si>
    <t>貸倒引当金（流動：基金）</t>
  </si>
  <si>
    <t>貸倒引当金（流動：未収金）</t>
  </si>
  <si>
    <t>計</t>
    <rPh sb="0" eb="1">
      <t>ケイ</t>
    </rPh>
    <phoneticPr fontId="14"/>
  </si>
  <si>
    <t>その他</t>
    <rPh sb="2" eb="3">
      <t>タ</t>
    </rPh>
    <phoneticPr fontId="14"/>
  </si>
  <si>
    <t>目的使用</t>
    <rPh sb="0" eb="2">
      <t>モクテキ</t>
    </rPh>
    <rPh sb="2" eb="4">
      <t>シヨウ</t>
    </rPh>
    <phoneticPr fontId="14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4"/>
  </si>
  <si>
    <t>引 当 金 明 細 表</t>
    <phoneticPr fontId="1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7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6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14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22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sz val="1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6"/>
      <name val="ＭＳ 明朝"/>
      <family val="1"/>
      <charset val="128"/>
    </font>
    <font>
      <sz val="24"/>
      <name val="ＭＳ 明朝"/>
      <family val="1"/>
      <charset val="128"/>
    </font>
    <font>
      <b/>
      <sz val="2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8">
    <xf numFmtId="0" fontId="0" fillId="0" borderId="0">
      <alignment vertical="center"/>
    </xf>
    <xf numFmtId="0" fontId="1" fillId="0" borderId="0">
      <alignment vertical="center"/>
    </xf>
    <xf numFmtId="0" fontId="4" fillId="0" borderId="0">
      <alignment vertical="center"/>
    </xf>
    <xf numFmtId="0" fontId="20" fillId="0" borderId="0">
      <alignment vertical="center"/>
    </xf>
    <xf numFmtId="0" fontId="4" fillId="0" borderId="0">
      <alignment vertical="center"/>
    </xf>
    <xf numFmtId="0" fontId="20" fillId="0" borderId="0">
      <alignment vertical="center"/>
    </xf>
    <xf numFmtId="0" fontId="4" fillId="0" borderId="0">
      <alignment vertical="center"/>
    </xf>
    <xf numFmtId="0" fontId="1" fillId="0" borderId="0">
      <alignment vertical="center"/>
    </xf>
  </cellStyleXfs>
  <cellXfs count="171">
    <xf numFmtId="0" fontId="0" fillId="0" borderId="0" xfId="0">
      <alignment vertical="center"/>
    </xf>
    <xf numFmtId="0" fontId="2" fillId="0" borderId="0" xfId="1" applyFont="1">
      <alignment vertical="center"/>
    </xf>
    <xf numFmtId="0" fontId="5" fillId="0" borderId="0" xfId="2" applyFont="1" applyAlignment="1">
      <alignment horizontal="left"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0" applyFont="1">
      <alignment vertical="center"/>
    </xf>
    <xf numFmtId="0" fontId="9" fillId="0" borderId="0" xfId="0" applyFont="1" applyAlignment="1">
      <alignment vertical="top" wrapText="1"/>
    </xf>
    <xf numFmtId="0" fontId="9" fillId="0" borderId="0" xfId="0" applyFont="1" applyAlignment="1">
      <alignment horizontal="left" vertical="top" wrapText="1"/>
    </xf>
    <xf numFmtId="0" fontId="9" fillId="0" borderId="0" xfId="0" applyFont="1" applyAlignment="1">
      <alignment vertical="center" wrapText="1"/>
    </xf>
    <xf numFmtId="0" fontId="10" fillId="0" borderId="0" xfId="0" applyFont="1">
      <alignment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176" fontId="2" fillId="0" borderId="0" xfId="1" applyNumberFormat="1" applyFont="1">
      <alignment vertical="center"/>
    </xf>
    <xf numFmtId="0" fontId="2" fillId="0" borderId="1" xfId="1" applyFont="1" applyBorder="1">
      <alignment vertical="center"/>
    </xf>
    <xf numFmtId="176" fontId="2" fillId="0" borderId="1" xfId="1" applyNumberFormat="1" applyFont="1" applyBorder="1" applyAlignment="1">
      <alignment horizontal="right" vertical="center"/>
    </xf>
    <xf numFmtId="0" fontId="2" fillId="0" borderId="2" xfId="1" applyFont="1" applyBorder="1">
      <alignment vertical="center"/>
    </xf>
    <xf numFmtId="176" fontId="2" fillId="0" borderId="0" xfId="1" applyNumberFormat="1" applyFont="1" applyAlignment="1">
      <alignment horizontal="right" vertical="center"/>
    </xf>
    <xf numFmtId="0" fontId="2" fillId="0" borderId="3" xfId="1" applyFont="1" applyBorder="1">
      <alignment vertical="center"/>
    </xf>
    <xf numFmtId="0" fontId="13" fillId="0" borderId="0" xfId="1" applyFont="1">
      <alignment vertical="center"/>
    </xf>
    <xf numFmtId="176" fontId="13" fillId="0" borderId="4" xfId="1" applyNumberFormat="1" applyFont="1" applyBorder="1" applyAlignment="1">
      <alignment horizontal="right" vertical="center"/>
    </xf>
    <xf numFmtId="176" fontId="13" fillId="0" borderId="5" xfId="1" applyNumberFormat="1" applyFont="1" applyBorder="1" applyAlignment="1">
      <alignment horizontal="right" vertical="center"/>
    </xf>
    <xf numFmtId="0" fontId="13" fillId="0" borderId="5" xfId="1" applyFont="1" applyBorder="1">
      <alignment vertical="center"/>
    </xf>
    <xf numFmtId="0" fontId="13" fillId="0" borderId="6" xfId="1" applyFont="1" applyBorder="1">
      <alignment vertical="center"/>
    </xf>
    <xf numFmtId="0" fontId="13" fillId="0" borderId="4" xfId="1" applyFont="1" applyBorder="1">
      <alignment vertical="center"/>
    </xf>
    <xf numFmtId="0" fontId="1" fillId="0" borderId="5" xfId="1" applyBorder="1">
      <alignment vertical="center"/>
    </xf>
    <xf numFmtId="0" fontId="13" fillId="0" borderId="2" xfId="1" applyFont="1" applyBorder="1">
      <alignment vertical="center"/>
    </xf>
    <xf numFmtId="176" fontId="13" fillId="0" borderId="0" xfId="1" applyNumberFormat="1" applyFont="1" applyAlignment="1">
      <alignment horizontal="right" vertical="center"/>
    </xf>
    <xf numFmtId="0" fontId="13" fillId="0" borderId="3" xfId="1" applyFont="1" applyBorder="1">
      <alignment vertical="center"/>
    </xf>
    <xf numFmtId="176" fontId="13" fillId="0" borderId="2" xfId="1" applyNumberFormat="1" applyFont="1" applyBorder="1">
      <alignment vertical="center"/>
    </xf>
    <xf numFmtId="176" fontId="13" fillId="0" borderId="0" xfId="1" applyNumberFormat="1" applyFont="1">
      <alignment vertical="center"/>
    </xf>
    <xf numFmtId="176" fontId="13" fillId="0" borderId="4" xfId="1" applyNumberFormat="1" applyFont="1" applyBorder="1">
      <alignment vertical="center"/>
    </xf>
    <xf numFmtId="176" fontId="13" fillId="0" borderId="5" xfId="1" applyNumberFormat="1" applyFont="1" applyBorder="1">
      <alignment vertical="center"/>
    </xf>
    <xf numFmtId="176" fontId="13" fillId="0" borderId="2" xfId="1" applyNumberFormat="1" applyFont="1" applyBorder="1" applyAlignment="1">
      <alignment horizontal="right" vertical="center"/>
    </xf>
    <xf numFmtId="0" fontId="13" fillId="0" borderId="0" xfId="1" applyFont="1" applyAlignment="1">
      <alignment horizontal="left" vertical="center"/>
    </xf>
    <xf numFmtId="176" fontId="13" fillId="0" borderId="7" xfId="1" applyNumberFormat="1" applyFont="1" applyBorder="1">
      <alignment vertical="center"/>
    </xf>
    <xf numFmtId="176" fontId="13" fillId="0" borderId="1" xfId="1" applyNumberFormat="1" applyFont="1" applyBorder="1">
      <alignment vertical="center"/>
    </xf>
    <xf numFmtId="0" fontId="13" fillId="0" borderId="1" xfId="1" applyFont="1" applyBorder="1">
      <alignment vertical="center"/>
    </xf>
    <xf numFmtId="0" fontId="13" fillId="0" borderId="8" xfId="1" applyFont="1" applyBorder="1" applyAlignment="1">
      <alignment horizontal="left" vertical="center"/>
    </xf>
    <xf numFmtId="0" fontId="13" fillId="0" borderId="7" xfId="1" applyFont="1" applyBorder="1">
      <alignment vertical="center"/>
    </xf>
    <xf numFmtId="0" fontId="13" fillId="0" borderId="8" xfId="1" applyFont="1" applyBorder="1">
      <alignment vertical="center"/>
    </xf>
    <xf numFmtId="0" fontId="2" fillId="0" borderId="9" xfId="1" applyFont="1" applyBorder="1">
      <alignment vertical="center"/>
    </xf>
    <xf numFmtId="0" fontId="2" fillId="0" borderId="0" xfId="1" applyFont="1" applyAlignment="1">
      <alignment horizontal="right" vertical="center"/>
    </xf>
    <xf numFmtId="0" fontId="13" fillId="0" borderId="0" xfId="1" applyFont="1" applyAlignment="1">
      <alignment horizontal="right" vertical="center"/>
    </xf>
    <xf numFmtId="58" fontId="2" fillId="0" borderId="0" xfId="1" applyNumberFormat="1" applyFont="1">
      <alignment vertical="center"/>
    </xf>
    <xf numFmtId="0" fontId="2" fillId="0" borderId="0" xfId="2" applyFont="1">
      <alignment vertical="center"/>
    </xf>
    <xf numFmtId="0" fontId="2" fillId="0" borderId="0" xfId="2" applyFont="1" applyAlignment="1">
      <alignment horizontal="left" vertical="center"/>
    </xf>
    <xf numFmtId="0" fontId="15" fillId="0" borderId="0" xfId="2" applyFont="1" applyAlignment="1">
      <alignment horizontal="center" vertical="center"/>
    </xf>
    <xf numFmtId="0" fontId="17" fillId="0" borderId="0" xfId="2" applyFont="1" applyAlignment="1">
      <alignment horizontal="center"/>
    </xf>
    <xf numFmtId="0" fontId="2" fillId="0" borderId="0" xfId="2" applyFont="1" applyAlignment="1"/>
    <xf numFmtId="0" fontId="2" fillId="0" borderId="7" xfId="1" applyFont="1" applyBorder="1">
      <alignment vertical="center"/>
    </xf>
    <xf numFmtId="0" fontId="2" fillId="0" borderId="8" xfId="1" applyFont="1" applyBorder="1">
      <alignment vertical="center"/>
    </xf>
    <xf numFmtId="0" fontId="19" fillId="0" borderId="0" xfId="2" applyFont="1" applyAlignment="1">
      <alignment horizontal="left" vertical="center"/>
    </xf>
    <xf numFmtId="0" fontId="13" fillId="0" borderId="11" xfId="1" applyFont="1" applyBorder="1">
      <alignment vertical="center"/>
    </xf>
    <xf numFmtId="176" fontId="13" fillId="0" borderId="10" xfId="1" applyNumberFormat="1" applyFont="1" applyBorder="1">
      <alignment vertical="center"/>
    </xf>
    <xf numFmtId="0" fontId="13" fillId="0" borderId="10" xfId="1" applyFont="1" applyBorder="1">
      <alignment vertical="center"/>
    </xf>
    <xf numFmtId="0" fontId="13" fillId="0" borderId="12" xfId="1" applyFont="1" applyBorder="1">
      <alignment vertical="center"/>
    </xf>
    <xf numFmtId="177" fontId="13" fillId="0" borderId="6" xfId="1" applyNumberFormat="1" applyFont="1" applyBorder="1">
      <alignment vertical="center"/>
    </xf>
    <xf numFmtId="177" fontId="13" fillId="0" borderId="4" xfId="1" applyNumberFormat="1" applyFont="1" applyBorder="1">
      <alignment vertical="center"/>
    </xf>
    <xf numFmtId="177" fontId="13" fillId="0" borderId="5" xfId="1" applyNumberFormat="1" applyFont="1" applyBorder="1">
      <alignment vertical="center"/>
    </xf>
    <xf numFmtId="177" fontId="13" fillId="0" borderId="5" xfId="1" applyNumberFormat="1" applyFont="1" applyBorder="1" applyAlignment="1">
      <alignment horizontal="left" vertical="center" indent="1"/>
    </xf>
    <xf numFmtId="177" fontId="13" fillId="0" borderId="2" xfId="1" applyNumberFormat="1" applyFont="1" applyBorder="1">
      <alignment vertical="center"/>
    </xf>
    <xf numFmtId="177" fontId="13" fillId="0" borderId="0" xfId="1" applyNumberFormat="1" applyFont="1">
      <alignment vertical="center"/>
    </xf>
    <xf numFmtId="177" fontId="13" fillId="0" borderId="0" xfId="1" applyNumberFormat="1" applyFont="1" applyAlignment="1">
      <alignment horizontal="left" vertical="center" indent="1"/>
    </xf>
    <xf numFmtId="177" fontId="13" fillId="0" borderId="3" xfId="1" applyNumberFormat="1" applyFont="1" applyBorder="1">
      <alignment vertical="center"/>
    </xf>
    <xf numFmtId="177" fontId="13" fillId="0" borderId="2" xfId="1" applyNumberFormat="1" applyFont="1" applyBorder="1" applyAlignment="1">
      <alignment horizontal="right" vertical="center"/>
    </xf>
    <xf numFmtId="177" fontId="13" fillId="0" borderId="11" xfId="1" applyNumberFormat="1" applyFont="1" applyBorder="1" applyAlignment="1">
      <alignment horizontal="right" vertical="center"/>
    </xf>
    <xf numFmtId="176" fontId="13" fillId="0" borderId="10" xfId="1" applyNumberFormat="1" applyFont="1" applyBorder="1" applyAlignment="1">
      <alignment horizontal="right" vertical="center"/>
    </xf>
    <xf numFmtId="177" fontId="13" fillId="0" borderId="10" xfId="1" applyNumberFormat="1" applyFont="1" applyBorder="1">
      <alignment vertical="center"/>
    </xf>
    <xf numFmtId="177" fontId="13" fillId="0" borderId="10" xfId="1" applyNumberFormat="1" applyFont="1" applyBorder="1" applyAlignment="1">
      <alignment horizontal="left" vertical="center" indent="1"/>
    </xf>
    <xf numFmtId="177" fontId="13" fillId="0" borderId="12" xfId="1" applyNumberFormat="1" applyFont="1" applyBorder="1">
      <alignment vertical="center"/>
    </xf>
    <xf numFmtId="0" fontId="13" fillId="0" borderId="1" xfId="1" applyFont="1" applyBorder="1" applyAlignment="1">
      <alignment horizontal="left" vertical="center" indent="1"/>
    </xf>
    <xf numFmtId="58" fontId="13" fillId="0" borderId="0" xfId="1" applyNumberFormat="1" applyFont="1">
      <alignment vertical="center"/>
    </xf>
    <xf numFmtId="0" fontId="21" fillId="0" borderId="2" xfId="1" applyFont="1" applyBorder="1">
      <alignment vertical="center"/>
    </xf>
    <xf numFmtId="0" fontId="21" fillId="0" borderId="3" xfId="1" applyFont="1" applyBorder="1">
      <alignment vertical="center"/>
    </xf>
    <xf numFmtId="0" fontId="13" fillId="0" borderId="0" xfId="3" applyFont="1" applyAlignment="1"/>
    <xf numFmtId="0" fontId="22" fillId="0" borderId="0" xfId="1" applyFont="1">
      <alignment vertical="center"/>
    </xf>
    <xf numFmtId="0" fontId="22" fillId="0" borderId="11" xfId="1" applyFont="1" applyBorder="1">
      <alignment vertical="center"/>
    </xf>
    <xf numFmtId="0" fontId="22" fillId="0" borderId="10" xfId="1" applyFont="1" applyBorder="1">
      <alignment vertical="center"/>
    </xf>
    <xf numFmtId="0" fontId="22" fillId="0" borderId="12" xfId="1" applyFont="1" applyBorder="1">
      <alignment vertical="center"/>
    </xf>
    <xf numFmtId="0" fontId="22" fillId="0" borderId="2" xfId="1" applyFont="1" applyBorder="1">
      <alignment vertical="center"/>
    </xf>
    <xf numFmtId="0" fontId="22" fillId="0" borderId="3" xfId="1" applyFont="1" applyBorder="1">
      <alignment vertical="center"/>
    </xf>
    <xf numFmtId="176" fontId="13" fillId="0" borderId="13" xfId="1" applyNumberFormat="1" applyFont="1" applyBorder="1">
      <alignment vertical="center"/>
    </xf>
    <xf numFmtId="0" fontId="13" fillId="0" borderId="13" xfId="1" applyFont="1" applyBorder="1" applyAlignment="1">
      <alignment horizontal="center" vertical="center" wrapText="1"/>
    </xf>
    <xf numFmtId="58" fontId="13" fillId="0" borderId="0" xfId="1" quotePrefix="1" applyNumberFormat="1" applyFont="1">
      <alignment vertical="center"/>
    </xf>
    <xf numFmtId="0" fontId="13" fillId="0" borderId="0" xfId="4" applyFont="1" applyAlignment="1">
      <alignment horizontal="left" vertical="center"/>
    </xf>
    <xf numFmtId="0" fontId="21" fillId="0" borderId="0" xfId="1" applyFont="1">
      <alignment vertical="center"/>
    </xf>
    <xf numFmtId="0" fontId="18" fillId="0" borderId="0" xfId="1" applyFont="1">
      <alignment vertical="center"/>
    </xf>
    <xf numFmtId="0" fontId="22" fillId="0" borderId="7" xfId="1" applyFont="1" applyBorder="1">
      <alignment vertical="center"/>
    </xf>
    <xf numFmtId="0" fontId="22" fillId="0" borderId="1" xfId="1" applyFont="1" applyBorder="1">
      <alignment vertical="center"/>
    </xf>
    <xf numFmtId="0" fontId="22" fillId="0" borderId="8" xfId="1" applyFont="1" applyBorder="1">
      <alignment vertical="center"/>
    </xf>
    <xf numFmtId="0" fontId="19" fillId="0" borderId="0" xfId="5" applyFont="1" applyAlignment="1">
      <alignment horizontal="left" vertical="center"/>
    </xf>
    <xf numFmtId="0" fontId="2" fillId="0" borderId="11" xfId="1" applyFont="1" applyBorder="1">
      <alignment vertical="center"/>
    </xf>
    <xf numFmtId="176" fontId="2" fillId="0" borderId="10" xfId="1" applyNumberFormat="1" applyFont="1" applyBorder="1" applyAlignment="1">
      <alignment horizontal="right" vertical="center"/>
    </xf>
    <xf numFmtId="0" fontId="2" fillId="0" borderId="10" xfId="1" applyFont="1" applyBorder="1">
      <alignment vertical="center"/>
    </xf>
    <xf numFmtId="0" fontId="2" fillId="0" borderId="12" xfId="1" applyFont="1" applyBorder="1">
      <alignment vertical="center"/>
    </xf>
    <xf numFmtId="176" fontId="13" fillId="0" borderId="11" xfId="1" applyNumberFormat="1" applyFont="1" applyBorder="1" applyAlignment="1">
      <alignment horizontal="right" vertical="center"/>
    </xf>
    <xf numFmtId="0" fontId="13" fillId="0" borderId="3" xfId="1" applyFont="1" applyBorder="1" applyAlignment="1">
      <alignment horizontal="left" vertical="center"/>
    </xf>
    <xf numFmtId="0" fontId="2" fillId="0" borderId="0" xfId="1" applyFont="1" applyAlignment="1">
      <alignment horizontal="center" vertical="center"/>
    </xf>
    <xf numFmtId="0" fontId="2" fillId="0" borderId="0" xfId="6" applyFont="1">
      <alignment vertical="center"/>
    </xf>
    <xf numFmtId="49" fontId="2" fillId="0" borderId="0" xfId="6" applyNumberFormat="1" applyFont="1" applyAlignment="1">
      <alignment horizontal="center" vertical="center"/>
    </xf>
    <xf numFmtId="0" fontId="2" fillId="0" borderId="0" xfId="6" applyFont="1" applyAlignment="1">
      <alignment horizontal="center" vertical="center"/>
    </xf>
    <xf numFmtId="0" fontId="16" fillId="0" borderId="0" xfId="6" applyFont="1" applyAlignment="1">
      <alignment horizontal="center" vertical="center"/>
    </xf>
    <xf numFmtId="0" fontId="18" fillId="0" borderId="0" xfId="6" applyFont="1" applyAlignment="1">
      <alignment horizontal="center"/>
    </xf>
    <xf numFmtId="0" fontId="2" fillId="0" borderId="0" xfId="6" applyFont="1" applyAlignment="1"/>
    <xf numFmtId="0" fontId="23" fillId="0" borderId="8" xfId="1" applyFont="1" applyBorder="1">
      <alignment vertical="center"/>
    </xf>
    <xf numFmtId="0" fontId="24" fillId="0" borderId="0" xfId="7" applyFont="1">
      <alignment vertical="center"/>
    </xf>
    <xf numFmtId="176" fontId="24" fillId="0" borderId="13" xfId="7" applyNumberFormat="1" applyFont="1" applyBorder="1">
      <alignment vertical="center"/>
    </xf>
    <xf numFmtId="0" fontId="24" fillId="0" borderId="4" xfId="7" applyFont="1" applyBorder="1">
      <alignment vertical="center"/>
    </xf>
    <xf numFmtId="0" fontId="24" fillId="0" borderId="5" xfId="7" applyFont="1" applyBorder="1">
      <alignment vertical="center"/>
    </xf>
    <xf numFmtId="0" fontId="24" fillId="0" borderId="6" xfId="7" applyFont="1" applyBorder="1">
      <alignment vertical="center"/>
    </xf>
    <xf numFmtId="0" fontId="24" fillId="0" borderId="14" xfId="7" applyFont="1" applyBorder="1" applyAlignment="1">
      <alignment horizontal="center" vertical="center"/>
    </xf>
    <xf numFmtId="0" fontId="24" fillId="0" borderId="15" xfId="7" applyFont="1" applyBorder="1" applyAlignment="1">
      <alignment horizontal="center" vertical="center"/>
    </xf>
    <xf numFmtId="0" fontId="24" fillId="0" borderId="15" xfId="7" applyFont="1" applyBorder="1" applyAlignment="1">
      <alignment horizontal="center" vertical="center" wrapText="1"/>
    </xf>
    <xf numFmtId="0" fontId="24" fillId="0" borderId="0" xfId="7" applyFont="1" applyAlignment="1">
      <alignment horizontal="right" vertical="center"/>
    </xf>
    <xf numFmtId="0" fontId="13" fillId="0" borderId="0" xfId="7" applyFont="1">
      <alignment vertical="center"/>
    </xf>
    <xf numFmtId="176" fontId="13" fillId="0" borderId="13" xfId="7" applyNumberFormat="1" applyFont="1" applyBorder="1">
      <alignment vertical="center"/>
    </xf>
    <xf numFmtId="0" fontId="13" fillId="0" borderId="13" xfId="7" applyFont="1" applyBorder="1" applyAlignment="1">
      <alignment horizontal="center" vertical="center"/>
    </xf>
    <xf numFmtId="0" fontId="13" fillId="0" borderId="0" xfId="7" applyFont="1" applyAlignment="1">
      <alignment horizontal="right" vertical="center"/>
    </xf>
    <xf numFmtId="0" fontId="13" fillId="0" borderId="0" xfId="7" quotePrefix="1" applyFont="1">
      <alignment vertical="center"/>
    </xf>
    <xf numFmtId="0" fontId="18" fillId="0" borderId="0" xfId="2" applyFont="1" applyAlignment="1">
      <alignment horizontal="center"/>
    </xf>
    <xf numFmtId="0" fontId="16" fillId="0" borderId="0" xfId="2" applyFont="1" applyAlignment="1">
      <alignment horizontal="center" vertical="center"/>
    </xf>
    <xf numFmtId="0" fontId="2" fillId="0" borderId="0" xfId="2" applyFont="1" applyAlignment="1">
      <alignment horizontal="center" vertical="center"/>
    </xf>
    <xf numFmtId="49" fontId="2" fillId="0" borderId="0" xfId="2" applyNumberFormat="1" applyFont="1" applyAlignment="1">
      <alignment horizontal="center" vertical="center"/>
    </xf>
    <xf numFmtId="0" fontId="2" fillId="0" borderId="10" xfId="1" applyFont="1" applyBorder="1" applyAlignment="1">
      <alignment horizontal="center" vertical="center"/>
    </xf>
    <xf numFmtId="0" fontId="18" fillId="0" borderId="0" xfId="3" applyFont="1" applyAlignment="1">
      <alignment horizontal="center"/>
    </xf>
    <xf numFmtId="0" fontId="4" fillId="0" borderId="0" xfId="2" applyAlignment="1">
      <alignment horizontal="center"/>
    </xf>
    <xf numFmtId="0" fontId="16" fillId="0" borderId="0" xfId="3" applyFont="1" applyAlignment="1">
      <alignment horizontal="center"/>
    </xf>
    <xf numFmtId="0" fontId="4" fillId="0" borderId="0" xfId="2" applyAlignment="1">
      <alignment horizontal="center" vertical="center"/>
    </xf>
    <xf numFmtId="0" fontId="13" fillId="0" borderId="0" xfId="1" applyFont="1" applyAlignment="1">
      <alignment horizontal="center" vertical="center"/>
    </xf>
    <xf numFmtId="0" fontId="18" fillId="0" borderId="0" xfId="1" applyFont="1" applyAlignment="1">
      <alignment horizontal="center" vertical="center"/>
    </xf>
    <xf numFmtId="0" fontId="4" fillId="0" borderId="0" xfId="2">
      <alignment vertical="center"/>
    </xf>
    <xf numFmtId="0" fontId="16" fillId="0" borderId="0" xfId="1" applyFont="1" applyAlignment="1">
      <alignment horizontal="center" vertical="center"/>
    </xf>
    <xf numFmtId="49" fontId="13" fillId="0" borderId="0" xfId="4" applyNumberFormat="1" applyFont="1" applyAlignment="1">
      <alignment horizontal="center" vertical="center"/>
    </xf>
    <xf numFmtId="0" fontId="13" fillId="0" borderId="0" xfId="4" applyFont="1" applyAlignment="1">
      <alignment horizontal="center" vertical="center"/>
    </xf>
    <xf numFmtId="0" fontId="13" fillId="0" borderId="13" xfId="1" applyFont="1" applyBorder="1" applyAlignment="1">
      <alignment horizontal="center" vertical="center"/>
    </xf>
    <xf numFmtId="0" fontId="2" fillId="0" borderId="0" xfId="6" applyFont="1" applyAlignment="1">
      <alignment horizontal="center" vertical="center"/>
    </xf>
    <xf numFmtId="0" fontId="18" fillId="0" borderId="0" xfId="6" applyFont="1" applyAlignment="1">
      <alignment horizontal="center"/>
    </xf>
    <xf numFmtId="0" fontId="16" fillId="0" borderId="0" xfId="6" applyFont="1" applyAlignment="1">
      <alignment horizontal="center" vertical="center"/>
    </xf>
    <xf numFmtId="0" fontId="9" fillId="0" borderId="0" xfId="0" applyFont="1" applyAlignment="1">
      <alignment horizontal="left" vertical="top" wrapText="1"/>
    </xf>
    <xf numFmtId="0" fontId="6" fillId="0" borderId="0" xfId="0" applyFont="1" applyAlignment="1">
      <alignment horizontal="center" vertical="center"/>
    </xf>
    <xf numFmtId="0" fontId="9" fillId="0" borderId="0" xfId="0" applyFont="1" applyAlignment="1">
      <alignment horizontal="left" vertical="top"/>
    </xf>
    <xf numFmtId="0" fontId="26" fillId="0" borderId="0" xfId="7" applyFont="1" applyAlignment="1">
      <alignment horizontal="center" vertical="center"/>
    </xf>
    <xf numFmtId="0" fontId="25" fillId="0" borderId="0" xfId="7" applyFont="1" applyAlignment="1">
      <alignment horizontal="center" vertical="center"/>
    </xf>
    <xf numFmtId="0" fontId="24" fillId="0" borderId="8" xfId="7" applyFont="1" applyBorder="1" applyAlignment="1">
      <alignment horizontal="center" vertical="center"/>
    </xf>
    <xf numFmtId="0" fontId="24" fillId="0" borderId="1" xfId="7" applyFont="1" applyBorder="1" applyAlignment="1">
      <alignment horizontal="center" vertical="center"/>
    </xf>
    <xf numFmtId="0" fontId="24" fillId="0" borderId="7" xfId="7" applyFont="1" applyBorder="1" applyAlignment="1">
      <alignment horizontal="center" vertical="center"/>
    </xf>
    <xf numFmtId="0" fontId="24" fillId="0" borderId="12" xfId="7" applyFont="1" applyBorder="1" applyAlignment="1">
      <alignment horizontal="center" vertical="center"/>
    </xf>
    <xf numFmtId="0" fontId="24" fillId="0" borderId="10" xfId="7" applyFont="1" applyBorder="1" applyAlignment="1">
      <alignment horizontal="center" vertical="center"/>
    </xf>
    <xf numFmtId="0" fontId="24" fillId="0" borderId="11" xfId="7" applyFont="1" applyBorder="1" applyAlignment="1">
      <alignment horizontal="center" vertical="center"/>
    </xf>
    <xf numFmtId="0" fontId="24" fillId="0" borderId="6" xfId="7" applyFont="1" applyBorder="1" applyAlignment="1">
      <alignment horizontal="center" vertical="center"/>
    </xf>
    <xf numFmtId="0" fontId="24" fillId="0" borderId="5" xfId="7" applyFont="1" applyBorder="1" applyAlignment="1">
      <alignment horizontal="center" vertical="center"/>
    </xf>
    <xf numFmtId="0" fontId="24" fillId="0" borderId="4" xfId="7" applyFont="1" applyBorder="1" applyAlignment="1">
      <alignment horizontal="center" vertical="center"/>
    </xf>
    <xf numFmtId="0" fontId="24" fillId="0" borderId="0" xfId="7" applyFont="1" applyAlignment="1">
      <alignment horizontal="left" vertical="center"/>
    </xf>
    <xf numFmtId="0" fontId="18" fillId="0" borderId="0" xfId="7" applyFont="1" applyAlignment="1">
      <alignment horizontal="center" vertical="center"/>
    </xf>
    <xf numFmtId="0" fontId="21" fillId="0" borderId="0" xfId="7" applyFont="1" applyAlignment="1">
      <alignment horizontal="center" vertical="center"/>
    </xf>
    <xf numFmtId="0" fontId="13" fillId="0" borderId="0" xfId="7" applyFont="1" applyAlignment="1">
      <alignment horizontal="center" vertical="center"/>
    </xf>
    <xf numFmtId="0" fontId="13" fillId="0" borderId="8" xfId="7" applyFont="1" applyBorder="1" applyAlignment="1">
      <alignment horizontal="center" vertical="center"/>
    </xf>
    <xf numFmtId="0" fontId="13" fillId="0" borderId="1" xfId="7" applyFont="1" applyBorder="1" applyAlignment="1">
      <alignment horizontal="center" vertical="center"/>
    </xf>
    <xf numFmtId="0" fontId="13" fillId="0" borderId="7" xfId="7" applyFont="1" applyBorder="1" applyAlignment="1">
      <alignment horizontal="center" vertical="center"/>
    </xf>
    <xf numFmtId="0" fontId="13" fillId="0" borderId="12" xfId="7" applyFont="1" applyBorder="1" applyAlignment="1">
      <alignment horizontal="center" vertical="center"/>
    </xf>
    <xf numFmtId="0" fontId="13" fillId="0" borderId="10" xfId="7" applyFont="1" applyBorder="1" applyAlignment="1">
      <alignment horizontal="center" vertical="center"/>
    </xf>
    <xf numFmtId="0" fontId="13" fillId="0" borderId="11" xfId="7" applyFont="1" applyBorder="1" applyAlignment="1">
      <alignment horizontal="center" vertical="center"/>
    </xf>
    <xf numFmtId="0" fontId="13" fillId="0" borderId="15" xfId="7" applyFont="1" applyBorder="1" applyAlignment="1">
      <alignment horizontal="center" vertical="center"/>
    </xf>
    <xf numFmtId="0" fontId="13" fillId="0" borderId="14" xfId="7" applyFont="1" applyBorder="1" applyAlignment="1">
      <alignment horizontal="center" vertical="center"/>
    </xf>
    <xf numFmtId="0" fontId="13" fillId="0" borderId="6" xfId="7" applyFont="1" applyBorder="1" applyAlignment="1">
      <alignment horizontal="center" vertical="center"/>
    </xf>
    <xf numFmtId="0" fontId="13" fillId="0" borderId="5" xfId="7" applyFont="1" applyBorder="1" applyAlignment="1">
      <alignment horizontal="center" vertical="center"/>
    </xf>
    <xf numFmtId="0" fontId="13" fillId="0" borderId="4" xfId="7" applyFont="1" applyBorder="1" applyAlignment="1">
      <alignment horizontal="center" vertical="center"/>
    </xf>
    <xf numFmtId="0" fontId="13" fillId="0" borderId="15" xfId="7" applyFont="1" applyBorder="1" applyAlignment="1">
      <alignment horizontal="center" vertical="center" wrapText="1"/>
    </xf>
    <xf numFmtId="0" fontId="13" fillId="0" borderId="14" xfId="7" applyFont="1" applyBorder="1" applyAlignment="1">
      <alignment horizontal="center" vertical="center" wrapText="1"/>
    </xf>
    <xf numFmtId="0" fontId="13" fillId="0" borderId="13" xfId="7" applyFont="1" applyBorder="1" applyAlignment="1">
      <alignment horizontal="left" vertical="center"/>
    </xf>
    <xf numFmtId="0" fontId="13" fillId="0" borderId="13" xfId="7" applyFont="1" applyBorder="1" applyAlignment="1">
      <alignment horizontal="center" vertical="center"/>
    </xf>
  </cellXfs>
  <cellStyles count="8">
    <cellStyle name="標準" xfId="0" builtinId="0"/>
    <cellStyle name="標準 2" xfId="1" xr:uid="{00000000-0005-0000-0000-000001000000}"/>
    <cellStyle name="標準 2 2" xfId="7" xr:uid="{09490FFA-9D91-4D83-81EE-8471A367A084}"/>
    <cellStyle name="標準 3" xfId="3" xr:uid="{86C92380-F523-4317-8AE4-6E6FE1EF6B2C}"/>
    <cellStyle name="標準 4" xfId="5" xr:uid="{58D170F6-EE12-481D-8366-376BF26953C6}"/>
    <cellStyle name="標準 4 2" xfId="2" xr:uid="{00000000-0005-0000-0000-000002000000}"/>
    <cellStyle name="標準 5 2" xfId="6" xr:uid="{F5FD746E-A430-4F83-9E18-B372C669AC0F}"/>
    <cellStyle name="標準 6 2" xfId="4" xr:uid="{7B2BCE21-58EC-489E-B00A-D11F97DEA60E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&#20250;&#35336;&#31649;&#29702;&#26989;&#21209;/&#20196;&#21644;7&#24180;&#24230;/&#9733;&#26410;&#20966;&#29702;(&#12367;&#12412;&#12383;)/&#12304;&#26032;&#20844;&#20250;&#35336;&#21046;&#24230;&#12305;&#20196;&#21644;&#65302;&#24180;&#24230;&#27770;&#31639;&#36001;&#21209;&#35576;&#34920;&#12398;&#25552;&#20986;&#12395;&#12388;&#12356;&#12390;&#65288;&#36890;&#30693;&#65289;/20250916&#20877;&#20986;&#21147;/&#36001;&#21209;&#35576;&#34920;&#31561;&#20316;&#25104;&#12510;&#12463;&#12525;%20&#12398;&#12467;&#12500;&#12540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35E277C-5BA3-4D10-AAB9-DDD3FA0B72BF}">
  <dimension ref="A1:T194"/>
  <sheetViews>
    <sheetView showGridLines="0" tabSelected="1" view="pageBreakPreview" zoomScale="60" zoomScaleNormal="60" workbookViewId="0"/>
  </sheetViews>
  <sheetFormatPr defaultColWidth="8.875" defaultRowHeight="22.5" customHeight="1" x14ac:dyDescent="0.4"/>
  <cols>
    <col min="1" max="1" width="7.125" style="1" customWidth="1"/>
    <col min="2" max="7" width="3.75" style="1" customWidth="1"/>
    <col min="8" max="8" width="21.375" style="1" customWidth="1"/>
    <col min="9" max="9" width="34.125" style="1" customWidth="1"/>
    <col min="10" max="10" width="1.125" style="1" customWidth="1"/>
    <col min="11" max="16" width="3.75" style="1" customWidth="1"/>
    <col min="17" max="17" width="21.375" style="1" customWidth="1"/>
    <col min="18" max="18" width="34.125" style="1" customWidth="1"/>
    <col min="19" max="19" width="1.125" style="1" customWidth="1"/>
    <col min="20" max="20" width="7.125" style="1" customWidth="1"/>
    <col min="21" max="16384" width="8.875" style="1"/>
  </cols>
  <sheetData>
    <row r="1" spans="1:20" ht="22.5" customHeight="1" x14ac:dyDescent="0.4">
      <c r="B1" s="51" t="s">
        <v>77</v>
      </c>
    </row>
    <row r="2" spans="1:20" ht="22.5" customHeight="1" x14ac:dyDescent="0.4">
      <c r="B2" s="51" t="s">
        <v>76</v>
      </c>
    </row>
    <row r="3" spans="1:20" ht="22.5" customHeight="1" x14ac:dyDescent="0.4">
      <c r="B3" s="51" t="s">
        <v>75</v>
      </c>
    </row>
    <row r="4" spans="1:20" ht="22.5" customHeight="1" x14ac:dyDescent="0.4">
      <c r="A4" s="50"/>
      <c r="B4" s="13"/>
      <c r="C4" s="13"/>
      <c r="D4" s="13"/>
      <c r="E4" s="13"/>
      <c r="F4" s="13"/>
      <c r="G4" s="13"/>
      <c r="H4" s="13"/>
      <c r="I4" s="13"/>
      <c r="J4" s="13"/>
      <c r="K4" s="13"/>
      <c r="L4" s="13"/>
      <c r="M4" s="13"/>
      <c r="N4" s="13"/>
      <c r="O4" s="13"/>
      <c r="P4" s="13"/>
      <c r="Q4" s="13"/>
      <c r="R4" s="13"/>
      <c r="S4" s="13"/>
      <c r="T4" s="49"/>
    </row>
    <row r="5" spans="1:20" ht="22.5" customHeight="1" x14ac:dyDescent="0.2">
      <c r="A5" s="17"/>
      <c r="C5" s="48"/>
      <c r="D5" s="48"/>
      <c r="E5" s="48"/>
      <c r="F5" s="48"/>
      <c r="G5" s="48"/>
      <c r="H5" s="48"/>
      <c r="I5" s="48"/>
      <c r="J5" s="48"/>
      <c r="K5" s="48"/>
      <c r="L5" s="48"/>
      <c r="M5" s="48"/>
      <c r="N5" s="48"/>
      <c r="O5" s="48"/>
      <c r="P5" s="48"/>
      <c r="Q5" s="48"/>
      <c r="R5" s="48"/>
      <c r="S5" s="48"/>
      <c r="T5" s="15"/>
    </row>
    <row r="6" spans="1:20" ht="28.5" x14ac:dyDescent="0.3">
      <c r="A6" s="17"/>
      <c r="B6" s="119" t="s">
        <v>74</v>
      </c>
      <c r="C6" s="119"/>
      <c r="D6" s="119"/>
      <c r="E6" s="119"/>
      <c r="F6" s="119"/>
      <c r="G6" s="119"/>
      <c r="H6" s="119"/>
      <c r="I6" s="119"/>
      <c r="J6" s="119"/>
      <c r="K6" s="119"/>
      <c r="L6" s="119"/>
      <c r="M6" s="119"/>
      <c r="N6" s="119"/>
      <c r="O6" s="119"/>
      <c r="P6" s="119"/>
      <c r="Q6" s="119"/>
      <c r="R6" s="119"/>
      <c r="S6" s="47"/>
      <c r="T6" s="15"/>
    </row>
    <row r="7" spans="1:20" ht="22.5" customHeight="1" x14ac:dyDescent="0.4">
      <c r="A7" s="17"/>
      <c r="B7" s="120" t="s">
        <v>73</v>
      </c>
      <c r="C7" s="120"/>
      <c r="D7" s="120"/>
      <c r="E7" s="120"/>
      <c r="F7" s="120"/>
      <c r="G7" s="120"/>
      <c r="H7" s="120"/>
      <c r="I7" s="120"/>
      <c r="J7" s="120"/>
      <c r="K7" s="120"/>
      <c r="L7" s="120"/>
      <c r="M7" s="120"/>
      <c r="N7" s="120"/>
      <c r="O7" s="120"/>
      <c r="P7" s="120"/>
      <c r="Q7" s="120"/>
      <c r="R7" s="120"/>
      <c r="S7" s="46"/>
      <c r="T7" s="15"/>
    </row>
    <row r="8" spans="1:20" ht="22.5" customHeight="1" x14ac:dyDescent="0.4">
      <c r="A8" s="17"/>
      <c r="B8" s="44"/>
      <c r="C8" s="44"/>
      <c r="D8" s="44"/>
      <c r="E8" s="44"/>
      <c r="F8" s="44"/>
      <c r="G8" s="44"/>
      <c r="H8" s="44"/>
      <c r="I8" s="44"/>
      <c r="J8" s="44"/>
      <c r="K8" s="121"/>
      <c r="L8" s="121"/>
      <c r="M8" s="121"/>
      <c r="N8" s="122" t="s">
        <v>72</v>
      </c>
      <c r="O8" s="122"/>
      <c r="P8" s="122"/>
      <c r="Q8" s="45"/>
      <c r="R8" s="44"/>
      <c r="S8" s="44"/>
      <c r="T8" s="15"/>
    </row>
    <row r="9" spans="1:20" ht="22.5" customHeight="1" x14ac:dyDescent="0.4">
      <c r="A9" s="17"/>
      <c r="B9" s="123"/>
      <c r="C9" s="123"/>
      <c r="D9" s="123"/>
      <c r="F9" s="43"/>
      <c r="R9" s="42" t="s">
        <v>71</v>
      </c>
      <c r="S9" s="41"/>
      <c r="T9" s="15"/>
    </row>
    <row r="10" spans="1:20" ht="22.5" customHeight="1" x14ac:dyDescent="0.4">
      <c r="A10" s="40"/>
      <c r="B10" s="39" t="s">
        <v>70</v>
      </c>
      <c r="C10" s="36"/>
      <c r="D10" s="36"/>
      <c r="E10" s="36"/>
      <c r="F10" s="36"/>
      <c r="G10" s="36"/>
      <c r="H10" s="36"/>
      <c r="I10" s="35"/>
      <c r="J10" s="38"/>
      <c r="K10" s="37" t="s">
        <v>69</v>
      </c>
      <c r="L10" s="36"/>
      <c r="M10" s="36"/>
      <c r="N10" s="36"/>
      <c r="O10" s="36"/>
      <c r="P10" s="36"/>
      <c r="Q10" s="36"/>
      <c r="R10" s="35"/>
      <c r="S10" s="34"/>
      <c r="T10" s="15"/>
    </row>
    <row r="11" spans="1:20" ht="22.5" customHeight="1" x14ac:dyDescent="0.4">
      <c r="A11" s="17"/>
      <c r="B11" s="27"/>
      <c r="C11" s="18" t="s">
        <v>68</v>
      </c>
      <c r="D11" s="18"/>
      <c r="E11" s="18"/>
      <c r="F11" s="18"/>
      <c r="G11" s="18"/>
      <c r="H11" s="18"/>
      <c r="I11" s="26">
        <v>0</v>
      </c>
      <c r="J11" s="25"/>
      <c r="K11" s="27"/>
      <c r="L11" s="33" t="s">
        <v>67</v>
      </c>
      <c r="M11" s="18"/>
      <c r="N11" s="18"/>
      <c r="O11" s="18"/>
      <c r="P11" s="18"/>
      <c r="Q11" s="18"/>
      <c r="R11" s="26">
        <v>0</v>
      </c>
      <c r="S11" s="32"/>
      <c r="T11" s="15"/>
    </row>
    <row r="12" spans="1:20" ht="22.5" customHeight="1" x14ac:dyDescent="0.4">
      <c r="A12" s="17"/>
      <c r="B12" s="27"/>
      <c r="C12" s="18"/>
      <c r="D12" s="18" t="s">
        <v>66</v>
      </c>
      <c r="E12" s="18"/>
      <c r="F12" s="18"/>
      <c r="G12" s="18"/>
      <c r="H12" s="18"/>
      <c r="I12" s="26">
        <v>0</v>
      </c>
      <c r="J12" s="25"/>
      <c r="K12" s="27"/>
      <c r="L12" s="18"/>
      <c r="M12" s="18" t="s">
        <v>53</v>
      </c>
      <c r="N12" s="18"/>
      <c r="O12" s="18"/>
      <c r="P12" s="18"/>
      <c r="Q12" s="18"/>
      <c r="R12" s="26">
        <v>0</v>
      </c>
      <c r="S12" s="32"/>
      <c r="T12" s="15"/>
    </row>
    <row r="13" spans="1:20" ht="22.5" customHeight="1" x14ac:dyDescent="0.4">
      <c r="A13" s="17"/>
      <c r="B13" s="27"/>
      <c r="C13" s="18"/>
      <c r="D13" s="18"/>
      <c r="E13" s="18" t="s">
        <v>65</v>
      </c>
      <c r="F13" s="18"/>
      <c r="G13" s="18"/>
      <c r="H13" s="18"/>
      <c r="I13" s="26">
        <v>0</v>
      </c>
      <c r="J13" s="25"/>
      <c r="K13" s="27"/>
      <c r="L13" s="18"/>
      <c r="M13" s="18" t="s">
        <v>64</v>
      </c>
      <c r="N13" s="18"/>
      <c r="O13" s="18"/>
      <c r="P13" s="18"/>
      <c r="Q13" s="18"/>
      <c r="R13" s="26">
        <v>0</v>
      </c>
      <c r="S13" s="32"/>
      <c r="T13" s="15"/>
    </row>
    <row r="14" spans="1:20" ht="22.5" customHeight="1" x14ac:dyDescent="0.4">
      <c r="A14" s="17"/>
      <c r="B14" s="27"/>
      <c r="C14" s="18"/>
      <c r="D14" s="18"/>
      <c r="E14" s="18" t="s">
        <v>63</v>
      </c>
      <c r="F14" s="18"/>
      <c r="G14" s="18"/>
      <c r="H14" s="18"/>
      <c r="I14" s="26">
        <v>0</v>
      </c>
      <c r="J14" s="25"/>
      <c r="K14" s="27"/>
      <c r="L14" s="18"/>
      <c r="M14" s="18"/>
      <c r="N14" s="18" t="s">
        <v>49</v>
      </c>
      <c r="O14" s="18"/>
      <c r="P14" s="18"/>
      <c r="Q14" s="18"/>
      <c r="R14" s="26">
        <v>0</v>
      </c>
      <c r="S14" s="32"/>
      <c r="T14" s="15"/>
    </row>
    <row r="15" spans="1:20" ht="18.75" x14ac:dyDescent="0.4">
      <c r="A15" s="17"/>
      <c r="B15" s="27"/>
      <c r="C15" s="18"/>
      <c r="D15" s="18" t="s">
        <v>62</v>
      </c>
      <c r="E15" s="18"/>
      <c r="F15" s="18"/>
      <c r="G15" s="18"/>
      <c r="H15" s="18"/>
      <c r="I15" s="26">
        <v>0</v>
      </c>
      <c r="J15" s="25"/>
      <c r="K15" s="27"/>
      <c r="L15" s="18"/>
      <c r="M15" s="18"/>
      <c r="N15" s="18" t="s">
        <v>61</v>
      </c>
      <c r="O15" s="18"/>
      <c r="P15" s="18"/>
      <c r="Q15" s="18"/>
      <c r="R15" s="26">
        <v>0</v>
      </c>
      <c r="S15" s="32"/>
      <c r="T15" s="15"/>
    </row>
    <row r="16" spans="1:20" ht="22.5" customHeight="1" x14ac:dyDescent="0.4">
      <c r="A16" s="17"/>
      <c r="B16" s="27"/>
      <c r="C16" s="18"/>
      <c r="D16" s="18" t="s">
        <v>8</v>
      </c>
      <c r="E16" s="18"/>
      <c r="F16" s="18"/>
      <c r="G16" s="18"/>
      <c r="H16" s="18"/>
      <c r="I16" s="26">
        <v>0</v>
      </c>
      <c r="J16" s="25"/>
      <c r="K16" s="27"/>
      <c r="L16" s="18"/>
      <c r="M16" s="18" t="s">
        <v>60</v>
      </c>
      <c r="N16" s="18"/>
      <c r="O16" s="18"/>
      <c r="P16" s="18"/>
      <c r="Q16" s="18"/>
      <c r="R16" s="26">
        <v>0</v>
      </c>
      <c r="S16" s="32"/>
      <c r="T16" s="15"/>
    </row>
    <row r="17" spans="1:20" ht="22.5" customHeight="1" x14ac:dyDescent="0.4">
      <c r="A17" s="17"/>
      <c r="B17" s="27"/>
      <c r="C17" s="18"/>
      <c r="D17" s="18" t="s">
        <v>13</v>
      </c>
      <c r="E17" s="18"/>
      <c r="F17" s="18"/>
      <c r="G17" s="18"/>
      <c r="H17" s="18"/>
      <c r="I17" s="26">
        <v>0</v>
      </c>
      <c r="J17" s="25"/>
      <c r="K17" s="27"/>
      <c r="L17" s="18"/>
      <c r="M17" s="18" t="s">
        <v>59</v>
      </c>
      <c r="N17" s="18"/>
      <c r="O17" s="18"/>
      <c r="P17" s="18"/>
      <c r="Q17" s="18"/>
      <c r="R17" s="26">
        <v>0</v>
      </c>
      <c r="S17" s="32"/>
      <c r="T17" s="15"/>
    </row>
    <row r="18" spans="1:20" ht="22.5" customHeight="1" x14ac:dyDescent="0.4">
      <c r="A18" s="17"/>
      <c r="B18" s="27"/>
      <c r="C18" s="18"/>
      <c r="D18" s="18"/>
      <c r="E18" s="18" t="s">
        <v>58</v>
      </c>
      <c r="F18" s="18"/>
      <c r="G18" s="18"/>
      <c r="H18" s="18"/>
      <c r="I18" s="26">
        <v>0</v>
      </c>
      <c r="J18" s="25"/>
      <c r="K18" s="27"/>
      <c r="L18" s="18"/>
      <c r="M18" s="18" t="s">
        <v>57</v>
      </c>
      <c r="N18" s="18"/>
      <c r="O18" s="18"/>
      <c r="P18" s="18"/>
      <c r="Q18" s="18"/>
      <c r="R18" s="26">
        <v>0</v>
      </c>
      <c r="S18" s="32"/>
      <c r="T18" s="15"/>
    </row>
    <row r="19" spans="1:20" ht="22.5" customHeight="1" x14ac:dyDescent="0.4">
      <c r="A19" s="17"/>
      <c r="B19" s="27"/>
      <c r="C19" s="18"/>
      <c r="D19" s="18"/>
      <c r="E19" s="18" t="s">
        <v>12</v>
      </c>
      <c r="F19" s="18"/>
      <c r="G19" s="18"/>
      <c r="H19" s="18"/>
      <c r="I19" s="26">
        <v>0</v>
      </c>
      <c r="J19" s="25"/>
      <c r="K19" s="27"/>
      <c r="L19" s="18"/>
      <c r="M19" s="18" t="s">
        <v>42</v>
      </c>
      <c r="N19" s="18"/>
      <c r="O19" s="18"/>
      <c r="P19" s="18"/>
      <c r="Q19" s="18"/>
      <c r="R19" s="26">
        <v>0</v>
      </c>
      <c r="S19" s="32"/>
      <c r="T19" s="15"/>
    </row>
    <row r="20" spans="1:20" ht="22.5" customHeight="1" x14ac:dyDescent="0.4">
      <c r="A20" s="17"/>
      <c r="B20" s="27"/>
      <c r="C20" s="18"/>
      <c r="D20" s="18" t="s">
        <v>8</v>
      </c>
      <c r="E20" s="18"/>
      <c r="F20" s="18"/>
      <c r="G20" s="18"/>
      <c r="H20" s="18"/>
      <c r="I20" s="26">
        <v>0</v>
      </c>
      <c r="J20" s="25"/>
      <c r="K20" s="27"/>
      <c r="L20" s="18"/>
      <c r="M20" s="18" t="s">
        <v>56</v>
      </c>
      <c r="N20" s="18"/>
      <c r="O20" s="18"/>
      <c r="P20" s="18"/>
      <c r="Q20" s="18"/>
      <c r="R20" s="26">
        <v>0</v>
      </c>
      <c r="S20" s="32"/>
      <c r="T20" s="15"/>
    </row>
    <row r="21" spans="1:20" ht="22.5" customHeight="1" x14ac:dyDescent="0.4">
      <c r="A21" s="17"/>
      <c r="B21" s="27"/>
      <c r="C21" s="18"/>
      <c r="D21" s="18" t="s">
        <v>55</v>
      </c>
      <c r="E21" s="18"/>
      <c r="F21" s="18"/>
      <c r="G21" s="18"/>
      <c r="H21" s="18"/>
      <c r="I21" s="26">
        <v>0</v>
      </c>
      <c r="J21" s="25"/>
      <c r="K21" s="27"/>
      <c r="L21" s="18" t="s">
        <v>54</v>
      </c>
      <c r="M21" s="18"/>
      <c r="N21" s="18"/>
      <c r="O21" s="18"/>
      <c r="P21" s="18"/>
      <c r="Q21" s="18"/>
      <c r="R21" s="26">
        <v>0</v>
      </c>
      <c r="S21" s="32"/>
      <c r="T21" s="15"/>
    </row>
    <row r="22" spans="1:20" ht="22.5" customHeight="1" x14ac:dyDescent="0.4">
      <c r="A22" s="17"/>
      <c r="B22" s="27"/>
      <c r="C22" s="18"/>
      <c r="D22" s="18" t="s">
        <v>8</v>
      </c>
      <c r="E22" s="18"/>
      <c r="F22" s="18"/>
      <c r="G22" s="18"/>
      <c r="H22" s="18"/>
      <c r="I22" s="26">
        <v>0</v>
      </c>
      <c r="J22" s="25"/>
      <c r="K22" s="27"/>
      <c r="L22" s="18"/>
      <c r="M22" s="18" t="s">
        <v>53</v>
      </c>
      <c r="N22" s="18"/>
      <c r="O22" s="18"/>
      <c r="P22" s="18"/>
      <c r="Q22" s="18"/>
      <c r="R22" s="26">
        <v>0</v>
      </c>
      <c r="S22" s="32"/>
      <c r="T22" s="15"/>
    </row>
    <row r="23" spans="1:20" ht="22.5" customHeight="1" x14ac:dyDescent="0.4">
      <c r="A23" s="17"/>
      <c r="B23" s="27"/>
      <c r="C23" s="18"/>
      <c r="D23" s="18" t="s">
        <v>52</v>
      </c>
      <c r="E23" s="18"/>
      <c r="F23" s="18"/>
      <c r="G23" s="18"/>
      <c r="H23" s="18"/>
      <c r="I23" s="26">
        <v>0</v>
      </c>
      <c r="J23" s="25"/>
      <c r="K23" s="27"/>
      <c r="L23" s="18"/>
      <c r="M23" s="18" t="s">
        <v>51</v>
      </c>
      <c r="N23" s="18"/>
      <c r="O23" s="18"/>
      <c r="P23" s="18"/>
      <c r="Q23" s="18"/>
      <c r="R23" s="26">
        <v>0</v>
      </c>
      <c r="S23" s="32"/>
      <c r="T23" s="15"/>
    </row>
    <row r="24" spans="1:20" ht="22.5" customHeight="1" x14ac:dyDescent="0.4">
      <c r="A24" s="17"/>
      <c r="B24" s="27"/>
      <c r="C24" s="18" t="s">
        <v>50</v>
      </c>
      <c r="D24" s="18"/>
      <c r="E24" s="18"/>
      <c r="F24" s="18"/>
      <c r="G24" s="18"/>
      <c r="H24" s="18"/>
      <c r="I24" s="26">
        <v>0</v>
      </c>
      <c r="J24" s="25"/>
      <c r="K24" s="27"/>
      <c r="L24" s="18"/>
      <c r="M24" s="18"/>
      <c r="N24" s="18" t="s">
        <v>49</v>
      </c>
      <c r="O24" s="18"/>
      <c r="P24" s="18"/>
      <c r="Q24" s="18"/>
      <c r="R24" s="26">
        <v>0</v>
      </c>
      <c r="S24" s="32"/>
      <c r="T24" s="15"/>
    </row>
    <row r="25" spans="1:20" ht="22.5" customHeight="1" x14ac:dyDescent="0.4">
      <c r="A25" s="17"/>
      <c r="B25" s="27"/>
      <c r="C25" s="18"/>
      <c r="D25" s="18" t="s">
        <v>48</v>
      </c>
      <c r="E25" s="18"/>
      <c r="F25" s="18"/>
      <c r="G25" s="18"/>
      <c r="H25" s="18"/>
      <c r="I25" s="26">
        <v>0</v>
      </c>
      <c r="J25" s="25"/>
      <c r="K25" s="27"/>
      <c r="L25" s="18"/>
      <c r="M25" s="18"/>
      <c r="N25" s="18" t="s">
        <v>47</v>
      </c>
      <c r="O25" s="18"/>
      <c r="P25" s="18"/>
      <c r="Q25" s="18"/>
      <c r="R25" s="26">
        <v>0</v>
      </c>
      <c r="S25" s="32"/>
      <c r="T25" s="15"/>
    </row>
    <row r="26" spans="1:20" ht="22.5" customHeight="1" x14ac:dyDescent="0.4">
      <c r="A26" s="17"/>
      <c r="B26" s="27"/>
      <c r="C26" s="18"/>
      <c r="D26" s="18"/>
      <c r="E26" s="18" t="s">
        <v>46</v>
      </c>
      <c r="F26" s="18"/>
      <c r="G26" s="18"/>
      <c r="H26" s="18"/>
      <c r="I26" s="26">
        <v>0</v>
      </c>
      <c r="J26" s="25"/>
      <c r="K26" s="27"/>
      <c r="L26" s="18"/>
      <c r="M26" s="18" t="s">
        <v>45</v>
      </c>
      <c r="N26" s="18"/>
      <c r="O26" s="18"/>
      <c r="P26" s="18"/>
      <c r="Q26" s="18"/>
      <c r="R26" s="26">
        <v>0</v>
      </c>
      <c r="S26" s="32"/>
      <c r="T26" s="15"/>
    </row>
    <row r="27" spans="1:20" ht="22.5" customHeight="1" x14ac:dyDescent="0.4">
      <c r="A27" s="17"/>
      <c r="B27" s="27"/>
      <c r="C27" s="18"/>
      <c r="D27" s="18"/>
      <c r="E27" s="18"/>
      <c r="F27" s="18" t="s">
        <v>28</v>
      </c>
      <c r="G27" s="18"/>
      <c r="H27" s="18"/>
      <c r="I27" s="26">
        <v>0</v>
      </c>
      <c r="J27" s="25"/>
      <c r="K27" s="27"/>
      <c r="L27" s="18"/>
      <c r="M27" s="18" t="s">
        <v>44</v>
      </c>
      <c r="N27" s="18"/>
      <c r="O27" s="18"/>
      <c r="P27" s="18"/>
      <c r="Q27" s="18"/>
      <c r="R27" s="26">
        <v>0</v>
      </c>
      <c r="S27" s="32"/>
      <c r="T27" s="15"/>
    </row>
    <row r="28" spans="1:20" ht="22.5" customHeight="1" x14ac:dyDescent="0.4">
      <c r="A28" s="17"/>
      <c r="B28" s="27"/>
      <c r="C28" s="18"/>
      <c r="D28" s="18"/>
      <c r="E28" s="18"/>
      <c r="F28" s="18" t="s">
        <v>27</v>
      </c>
      <c r="G28" s="18"/>
      <c r="H28" s="18"/>
      <c r="I28" s="29">
        <v>0</v>
      </c>
      <c r="J28" s="25"/>
      <c r="K28" s="27"/>
      <c r="L28" s="18"/>
      <c r="M28" s="18" t="s">
        <v>43</v>
      </c>
      <c r="N28" s="18"/>
      <c r="O28" s="18"/>
      <c r="P28" s="18"/>
      <c r="Q28" s="18"/>
      <c r="R28" s="29">
        <v>0</v>
      </c>
      <c r="S28" s="28"/>
      <c r="T28" s="15"/>
    </row>
    <row r="29" spans="1:20" ht="22.5" customHeight="1" x14ac:dyDescent="0.4">
      <c r="A29" s="17"/>
      <c r="B29" s="27"/>
      <c r="C29" s="18"/>
      <c r="D29" s="18"/>
      <c r="E29" s="18"/>
      <c r="F29" s="18" t="s">
        <v>26</v>
      </c>
      <c r="G29" s="18"/>
      <c r="H29" s="18"/>
      <c r="I29" s="29">
        <v>0</v>
      </c>
      <c r="J29" s="25"/>
      <c r="K29" s="27"/>
      <c r="L29" s="18"/>
      <c r="M29" s="18" t="s">
        <v>42</v>
      </c>
      <c r="N29" s="18"/>
      <c r="O29" s="18"/>
      <c r="P29" s="18"/>
      <c r="Q29" s="18"/>
      <c r="R29" s="29">
        <v>0</v>
      </c>
      <c r="S29" s="28"/>
      <c r="T29" s="15"/>
    </row>
    <row r="30" spans="1:20" ht="22.5" customHeight="1" x14ac:dyDescent="0.4">
      <c r="A30" s="17"/>
      <c r="B30" s="27"/>
      <c r="C30" s="18"/>
      <c r="D30" s="18"/>
      <c r="E30" s="18"/>
      <c r="F30" s="18" t="s">
        <v>41</v>
      </c>
      <c r="G30" s="18"/>
      <c r="H30" s="18"/>
      <c r="I30" s="29">
        <v>0</v>
      </c>
      <c r="J30" s="25"/>
      <c r="K30" s="27"/>
      <c r="L30" s="18"/>
      <c r="M30" s="18" t="s">
        <v>40</v>
      </c>
      <c r="N30" s="18"/>
      <c r="O30" s="18"/>
      <c r="P30" s="18"/>
      <c r="Q30" s="18"/>
      <c r="R30" s="29">
        <v>0</v>
      </c>
      <c r="S30" s="28"/>
      <c r="T30" s="15"/>
    </row>
    <row r="31" spans="1:20" ht="22.5" customHeight="1" x14ac:dyDescent="0.4">
      <c r="A31" s="17"/>
      <c r="B31" s="27"/>
      <c r="C31" s="18"/>
      <c r="D31" s="18"/>
      <c r="E31" s="18"/>
      <c r="F31" s="18" t="s">
        <v>39</v>
      </c>
      <c r="G31" s="18"/>
      <c r="H31" s="18"/>
      <c r="I31" s="29">
        <v>0</v>
      </c>
      <c r="J31" s="25"/>
      <c r="K31" s="22" t="s">
        <v>38</v>
      </c>
      <c r="L31" s="24"/>
      <c r="M31" s="21"/>
      <c r="N31" s="21"/>
      <c r="O31" s="21"/>
      <c r="P31" s="21"/>
      <c r="Q31" s="21"/>
      <c r="R31" s="31">
        <v>0</v>
      </c>
      <c r="S31" s="30"/>
      <c r="T31" s="15"/>
    </row>
    <row r="32" spans="1:20" ht="22.5" customHeight="1" x14ac:dyDescent="0.4">
      <c r="A32" s="17"/>
      <c r="B32" s="27"/>
      <c r="C32" s="18"/>
      <c r="D32" s="18"/>
      <c r="E32" s="18"/>
      <c r="F32" s="18" t="s">
        <v>37</v>
      </c>
      <c r="G32" s="18"/>
      <c r="H32" s="18"/>
      <c r="I32" s="29">
        <v>0</v>
      </c>
      <c r="J32" s="25"/>
      <c r="K32" s="27" t="s">
        <v>36</v>
      </c>
      <c r="L32" s="18"/>
      <c r="M32" s="18"/>
      <c r="N32" s="18"/>
      <c r="O32" s="18"/>
      <c r="P32" s="18"/>
      <c r="Q32" s="18"/>
      <c r="R32" s="29"/>
      <c r="S32" s="28"/>
      <c r="T32" s="15"/>
    </row>
    <row r="33" spans="1:20" ht="22.5" customHeight="1" x14ac:dyDescent="0.4">
      <c r="A33" s="17"/>
      <c r="B33" s="27"/>
      <c r="C33" s="18"/>
      <c r="D33" s="18"/>
      <c r="E33" s="18"/>
      <c r="F33" s="18" t="s">
        <v>35</v>
      </c>
      <c r="G33" s="18"/>
      <c r="H33" s="18"/>
      <c r="I33" s="29">
        <v>0</v>
      </c>
      <c r="J33" s="25"/>
      <c r="K33" s="27"/>
      <c r="L33" s="18" t="s">
        <v>34</v>
      </c>
      <c r="M33" s="18"/>
      <c r="N33" s="18"/>
      <c r="O33" s="18"/>
      <c r="P33" s="18"/>
      <c r="Q33" s="18"/>
      <c r="R33" s="29">
        <v>0</v>
      </c>
      <c r="S33" s="28"/>
      <c r="T33" s="15"/>
    </row>
    <row r="34" spans="1:20" ht="22.5" customHeight="1" x14ac:dyDescent="0.4">
      <c r="A34" s="17"/>
      <c r="B34" s="27"/>
      <c r="C34" s="18"/>
      <c r="D34" s="18"/>
      <c r="E34" s="18" t="s">
        <v>33</v>
      </c>
      <c r="F34" s="18"/>
      <c r="G34" s="18"/>
      <c r="H34" s="18"/>
      <c r="I34" s="29">
        <v>0</v>
      </c>
      <c r="J34" s="25"/>
      <c r="K34" s="27"/>
      <c r="L34" s="18" t="s">
        <v>32</v>
      </c>
      <c r="M34" s="18"/>
      <c r="N34" s="18"/>
      <c r="O34" s="18"/>
      <c r="P34" s="18"/>
      <c r="Q34" s="18"/>
      <c r="R34" s="29">
        <v>0</v>
      </c>
      <c r="S34" s="28"/>
      <c r="T34" s="15"/>
    </row>
    <row r="35" spans="1:20" ht="22.5" customHeight="1" x14ac:dyDescent="0.4">
      <c r="A35" s="17"/>
      <c r="B35" s="27"/>
      <c r="C35" s="18"/>
      <c r="D35" s="18"/>
      <c r="E35" s="18"/>
      <c r="F35" s="18" t="s">
        <v>24</v>
      </c>
      <c r="G35" s="18"/>
      <c r="H35" s="18"/>
      <c r="I35" s="29">
        <v>0</v>
      </c>
      <c r="J35" s="25"/>
      <c r="K35" s="27"/>
      <c r="L35" s="18"/>
      <c r="M35" s="18" t="s">
        <v>31</v>
      </c>
      <c r="N35" s="18"/>
      <c r="O35" s="18"/>
      <c r="P35" s="18"/>
      <c r="Q35" s="18"/>
      <c r="R35" s="29">
        <v>0</v>
      </c>
      <c r="S35" s="28"/>
      <c r="T35" s="15"/>
    </row>
    <row r="36" spans="1:20" ht="22.5" customHeight="1" x14ac:dyDescent="0.4">
      <c r="A36" s="17"/>
      <c r="B36" s="27"/>
      <c r="C36" s="18"/>
      <c r="D36" s="18"/>
      <c r="E36" s="18"/>
      <c r="F36" s="18" t="s">
        <v>23</v>
      </c>
      <c r="G36" s="18"/>
      <c r="H36" s="18"/>
      <c r="I36" s="29">
        <v>0</v>
      </c>
      <c r="J36" s="25"/>
      <c r="K36" s="27"/>
      <c r="L36" s="18"/>
      <c r="M36" s="18"/>
      <c r="N36" s="18"/>
      <c r="O36" s="18"/>
      <c r="P36" s="18"/>
      <c r="Q36" s="18"/>
      <c r="R36" s="29"/>
      <c r="S36" s="28"/>
      <c r="T36" s="15"/>
    </row>
    <row r="37" spans="1:20" ht="22.5" customHeight="1" x14ac:dyDescent="0.4">
      <c r="A37" s="17"/>
      <c r="B37" s="27"/>
      <c r="C37" s="18"/>
      <c r="D37" s="18" t="s">
        <v>30</v>
      </c>
      <c r="E37" s="18"/>
      <c r="F37" s="18"/>
      <c r="G37" s="18"/>
      <c r="H37" s="18"/>
      <c r="I37" s="29">
        <v>0</v>
      </c>
      <c r="J37" s="25"/>
      <c r="K37" s="27"/>
      <c r="L37" s="18"/>
      <c r="M37" s="18"/>
      <c r="N37" s="18"/>
      <c r="O37" s="18"/>
      <c r="P37" s="18"/>
      <c r="Q37" s="18"/>
      <c r="R37" s="29"/>
      <c r="S37" s="28"/>
      <c r="T37" s="15"/>
    </row>
    <row r="38" spans="1:20" ht="22.5" customHeight="1" x14ac:dyDescent="0.4">
      <c r="A38" s="17"/>
      <c r="B38" s="27"/>
      <c r="C38" s="18"/>
      <c r="D38" s="18"/>
      <c r="E38" s="18" t="s">
        <v>29</v>
      </c>
      <c r="F38" s="18"/>
      <c r="G38" s="18"/>
      <c r="H38" s="18"/>
      <c r="I38" s="29">
        <v>0</v>
      </c>
      <c r="J38" s="25"/>
      <c r="K38" s="27"/>
      <c r="L38" s="18"/>
      <c r="M38" s="18"/>
      <c r="N38" s="18"/>
      <c r="O38" s="18"/>
      <c r="P38" s="18"/>
      <c r="Q38" s="18"/>
      <c r="R38" s="29"/>
      <c r="S38" s="28"/>
      <c r="T38" s="15"/>
    </row>
    <row r="39" spans="1:20" ht="22.5" customHeight="1" x14ac:dyDescent="0.4">
      <c r="A39" s="17"/>
      <c r="B39" s="27"/>
      <c r="C39" s="18"/>
      <c r="D39" s="18"/>
      <c r="E39" s="18"/>
      <c r="F39" s="18" t="s">
        <v>28</v>
      </c>
      <c r="G39" s="18"/>
      <c r="H39" s="18"/>
      <c r="I39" s="29">
        <v>0</v>
      </c>
      <c r="J39" s="25"/>
      <c r="K39" s="27"/>
      <c r="L39" s="18"/>
      <c r="M39" s="18"/>
      <c r="N39" s="18"/>
      <c r="O39" s="18"/>
      <c r="P39" s="18"/>
      <c r="Q39" s="18"/>
      <c r="R39" s="29"/>
      <c r="S39" s="28"/>
      <c r="T39" s="15"/>
    </row>
    <row r="40" spans="1:20" ht="22.5" customHeight="1" x14ac:dyDescent="0.4">
      <c r="A40" s="17"/>
      <c r="B40" s="27"/>
      <c r="C40" s="18"/>
      <c r="D40" s="18"/>
      <c r="E40" s="18"/>
      <c r="F40" s="18" t="s">
        <v>27</v>
      </c>
      <c r="G40" s="18"/>
      <c r="H40" s="18"/>
      <c r="I40" s="29">
        <v>0</v>
      </c>
      <c r="J40" s="25"/>
      <c r="K40" s="27"/>
      <c r="L40" s="18"/>
      <c r="M40" s="18"/>
      <c r="N40" s="18"/>
      <c r="O40" s="18"/>
      <c r="P40" s="18"/>
      <c r="Q40" s="18"/>
      <c r="R40" s="29"/>
      <c r="S40" s="28"/>
      <c r="T40" s="15"/>
    </row>
    <row r="41" spans="1:20" ht="22.5" customHeight="1" x14ac:dyDescent="0.4">
      <c r="A41" s="17"/>
      <c r="B41" s="27"/>
      <c r="C41" s="18"/>
      <c r="D41" s="18"/>
      <c r="E41" s="18"/>
      <c r="F41" s="18" t="s">
        <v>26</v>
      </c>
      <c r="G41" s="18"/>
      <c r="H41" s="18"/>
      <c r="I41" s="29">
        <v>0</v>
      </c>
      <c r="J41" s="25"/>
      <c r="K41" s="27"/>
      <c r="L41" s="18"/>
      <c r="M41" s="18"/>
      <c r="N41" s="18"/>
      <c r="O41" s="18"/>
      <c r="P41" s="18"/>
      <c r="Q41" s="18"/>
      <c r="R41" s="29"/>
      <c r="S41" s="28"/>
      <c r="T41" s="15"/>
    </row>
    <row r="42" spans="1:20" ht="22.5" customHeight="1" x14ac:dyDescent="0.4">
      <c r="A42" s="17"/>
      <c r="B42" s="27"/>
      <c r="C42" s="18"/>
      <c r="D42" s="18"/>
      <c r="E42" s="18" t="s">
        <v>25</v>
      </c>
      <c r="F42" s="18"/>
      <c r="G42" s="18"/>
      <c r="H42" s="18"/>
      <c r="I42" s="29">
        <v>0</v>
      </c>
      <c r="J42" s="25"/>
      <c r="K42" s="27"/>
      <c r="L42" s="18"/>
      <c r="M42" s="18"/>
      <c r="N42" s="18"/>
      <c r="O42" s="18"/>
      <c r="P42" s="18"/>
      <c r="Q42" s="18"/>
      <c r="R42" s="29"/>
      <c r="S42" s="28"/>
      <c r="T42" s="15"/>
    </row>
    <row r="43" spans="1:20" ht="22.5" customHeight="1" x14ac:dyDescent="0.4">
      <c r="A43" s="17"/>
      <c r="B43" s="27"/>
      <c r="C43" s="18"/>
      <c r="D43" s="18"/>
      <c r="E43" s="18"/>
      <c r="F43" s="18" t="s">
        <v>24</v>
      </c>
      <c r="G43" s="18"/>
      <c r="H43" s="18"/>
      <c r="I43" s="29">
        <v>0</v>
      </c>
      <c r="J43" s="25"/>
      <c r="K43" s="27"/>
      <c r="L43" s="18"/>
      <c r="M43" s="18"/>
      <c r="N43" s="18"/>
      <c r="O43" s="18"/>
      <c r="P43" s="18"/>
      <c r="Q43" s="18"/>
      <c r="R43" s="29"/>
      <c r="S43" s="28"/>
      <c r="T43" s="15"/>
    </row>
    <row r="44" spans="1:20" ht="22.5" customHeight="1" x14ac:dyDescent="0.4">
      <c r="A44" s="17"/>
      <c r="B44" s="27"/>
      <c r="C44" s="18"/>
      <c r="D44" s="18"/>
      <c r="E44" s="18"/>
      <c r="F44" s="18" t="s">
        <v>23</v>
      </c>
      <c r="G44" s="18"/>
      <c r="H44" s="18"/>
      <c r="I44" s="29">
        <v>0</v>
      </c>
      <c r="J44" s="25"/>
      <c r="K44" s="27"/>
      <c r="L44" s="18"/>
      <c r="M44" s="18"/>
      <c r="N44" s="18"/>
      <c r="O44" s="18"/>
      <c r="P44" s="18"/>
      <c r="Q44" s="18"/>
      <c r="R44" s="29"/>
      <c r="S44" s="28"/>
      <c r="T44" s="15"/>
    </row>
    <row r="45" spans="1:20" ht="22.5" customHeight="1" x14ac:dyDescent="0.4">
      <c r="A45" s="17"/>
      <c r="B45" s="27"/>
      <c r="C45" s="18"/>
      <c r="D45" s="18" t="s">
        <v>22</v>
      </c>
      <c r="E45" s="18"/>
      <c r="F45" s="18"/>
      <c r="G45" s="18"/>
      <c r="H45" s="18"/>
      <c r="I45" s="29">
        <v>0</v>
      </c>
      <c r="J45" s="25"/>
      <c r="K45" s="27"/>
      <c r="L45" s="18"/>
      <c r="M45" s="18"/>
      <c r="N45" s="18"/>
      <c r="O45" s="18"/>
      <c r="P45" s="18"/>
      <c r="Q45" s="18"/>
      <c r="R45" s="29"/>
      <c r="S45" s="28"/>
      <c r="T45" s="15"/>
    </row>
    <row r="46" spans="1:20" ht="22.5" customHeight="1" x14ac:dyDescent="0.4">
      <c r="A46" s="17"/>
      <c r="B46" s="27"/>
      <c r="C46" s="18"/>
      <c r="D46" s="18" t="s">
        <v>21</v>
      </c>
      <c r="E46" s="18"/>
      <c r="F46" s="18"/>
      <c r="G46" s="18"/>
      <c r="H46" s="18"/>
      <c r="I46" s="29">
        <v>0</v>
      </c>
      <c r="J46" s="25"/>
      <c r="K46" s="27"/>
      <c r="L46" s="18"/>
      <c r="M46" s="18"/>
      <c r="N46" s="18"/>
      <c r="O46" s="18"/>
      <c r="P46" s="18"/>
      <c r="Q46" s="18"/>
      <c r="R46" s="29"/>
      <c r="S46" s="28"/>
      <c r="T46" s="15"/>
    </row>
    <row r="47" spans="1:20" ht="22.5" customHeight="1" x14ac:dyDescent="0.4">
      <c r="A47" s="17"/>
      <c r="B47" s="27"/>
      <c r="C47" s="18"/>
      <c r="D47" s="18" t="s">
        <v>20</v>
      </c>
      <c r="E47" s="18"/>
      <c r="F47" s="18"/>
      <c r="G47" s="18"/>
      <c r="H47" s="18"/>
      <c r="I47" s="29">
        <v>0</v>
      </c>
      <c r="J47" s="25"/>
      <c r="K47" s="27"/>
      <c r="L47" s="18"/>
      <c r="M47" s="18"/>
      <c r="N47" s="18"/>
      <c r="O47" s="18"/>
      <c r="P47" s="18"/>
      <c r="Q47" s="18"/>
      <c r="R47" s="29"/>
      <c r="S47" s="28"/>
      <c r="T47" s="15"/>
    </row>
    <row r="48" spans="1:20" ht="22.5" customHeight="1" x14ac:dyDescent="0.4">
      <c r="A48" s="17"/>
      <c r="B48" s="27"/>
      <c r="C48" s="18"/>
      <c r="D48" s="18" t="s">
        <v>19</v>
      </c>
      <c r="E48" s="18"/>
      <c r="F48" s="18"/>
      <c r="G48" s="18"/>
      <c r="H48" s="18"/>
      <c r="I48" s="29">
        <v>0</v>
      </c>
      <c r="J48" s="25"/>
      <c r="K48" s="27"/>
      <c r="L48" s="18"/>
      <c r="M48" s="18"/>
      <c r="N48" s="18"/>
      <c r="O48" s="18"/>
      <c r="P48" s="18"/>
      <c r="Q48" s="18"/>
      <c r="R48" s="29"/>
      <c r="S48" s="28"/>
      <c r="T48" s="15"/>
    </row>
    <row r="49" spans="1:20" ht="22.5" customHeight="1" x14ac:dyDescent="0.4">
      <c r="A49" s="17"/>
      <c r="B49" s="27"/>
      <c r="C49" s="18"/>
      <c r="D49" s="18" t="s">
        <v>18</v>
      </c>
      <c r="E49" s="18"/>
      <c r="F49" s="18"/>
      <c r="G49" s="18"/>
      <c r="H49" s="18"/>
      <c r="I49" s="29">
        <v>0</v>
      </c>
      <c r="J49" s="25"/>
      <c r="K49" s="27"/>
      <c r="L49" s="18"/>
      <c r="M49" s="18"/>
      <c r="N49" s="18"/>
      <c r="O49" s="18"/>
      <c r="P49" s="18"/>
      <c r="Q49" s="18"/>
      <c r="R49" s="29"/>
      <c r="S49" s="28"/>
      <c r="T49" s="15"/>
    </row>
    <row r="50" spans="1:20" ht="22.5" customHeight="1" x14ac:dyDescent="0.4">
      <c r="A50" s="17"/>
      <c r="B50" s="27"/>
      <c r="C50" s="18"/>
      <c r="D50" s="18"/>
      <c r="E50" s="18" t="s">
        <v>17</v>
      </c>
      <c r="F50" s="18"/>
      <c r="G50" s="18"/>
      <c r="H50" s="18"/>
      <c r="I50" s="29">
        <v>0</v>
      </c>
      <c r="J50" s="25"/>
      <c r="K50" s="27"/>
      <c r="L50" s="18"/>
      <c r="M50" s="18"/>
      <c r="N50" s="18"/>
      <c r="O50" s="18"/>
      <c r="P50" s="18"/>
      <c r="Q50" s="18"/>
      <c r="R50" s="29"/>
      <c r="S50" s="28"/>
      <c r="T50" s="15"/>
    </row>
    <row r="51" spans="1:20" ht="22.5" customHeight="1" x14ac:dyDescent="0.4">
      <c r="A51" s="17"/>
      <c r="B51" s="27"/>
      <c r="C51" s="18"/>
      <c r="D51" s="18"/>
      <c r="E51" s="18" t="s">
        <v>16</v>
      </c>
      <c r="F51" s="18"/>
      <c r="G51" s="18"/>
      <c r="H51" s="18"/>
      <c r="I51" s="29">
        <v>0</v>
      </c>
      <c r="J51" s="25"/>
      <c r="K51" s="27"/>
      <c r="L51" s="18"/>
      <c r="M51" s="18"/>
      <c r="N51" s="18"/>
      <c r="O51" s="18"/>
      <c r="P51" s="18"/>
      <c r="Q51" s="18"/>
      <c r="R51" s="29"/>
      <c r="S51" s="28"/>
      <c r="T51" s="15"/>
    </row>
    <row r="52" spans="1:20" ht="22.5" customHeight="1" x14ac:dyDescent="0.4">
      <c r="A52" s="17"/>
      <c r="B52" s="27"/>
      <c r="C52" s="18"/>
      <c r="D52" s="18"/>
      <c r="E52" s="18" t="s">
        <v>15</v>
      </c>
      <c r="F52" s="18"/>
      <c r="G52" s="18"/>
      <c r="H52" s="18"/>
      <c r="I52" s="29">
        <v>0</v>
      </c>
      <c r="J52" s="25"/>
      <c r="K52" s="27"/>
      <c r="L52" s="18"/>
      <c r="M52" s="18"/>
      <c r="N52" s="18"/>
      <c r="O52" s="18"/>
      <c r="P52" s="18"/>
      <c r="Q52" s="18"/>
      <c r="R52" s="29"/>
      <c r="S52" s="28"/>
      <c r="T52" s="15"/>
    </row>
    <row r="53" spans="1:20" ht="22.5" customHeight="1" x14ac:dyDescent="0.4">
      <c r="A53" s="17"/>
      <c r="B53" s="27"/>
      <c r="C53" s="18"/>
      <c r="D53" s="18" t="s">
        <v>14</v>
      </c>
      <c r="E53" s="18"/>
      <c r="F53" s="18"/>
      <c r="G53" s="18"/>
      <c r="H53" s="18"/>
      <c r="I53" s="29">
        <v>0</v>
      </c>
      <c r="J53" s="25"/>
      <c r="K53" s="27"/>
      <c r="L53" s="18"/>
      <c r="M53" s="18"/>
      <c r="N53" s="18"/>
      <c r="O53" s="18"/>
      <c r="P53" s="18"/>
      <c r="Q53" s="18"/>
      <c r="R53" s="29"/>
      <c r="S53" s="28"/>
      <c r="T53" s="15"/>
    </row>
    <row r="54" spans="1:20" ht="22.5" customHeight="1" x14ac:dyDescent="0.4">
      <c r="A54" s="17"/>
      <c r="B54" s="27"/>
      <c r="C54" s="18"/>
      <c r="D54" s="18" t="s">
        <v>13</v>
      </c>
      <c r="E54" s="18"/>
      <c r="F54" s="18"/>
      <c r="G54" s="18"/>
      <c r="H54" s="18"/>
      <c r="I54" s="29">
        <v>0</v>
      </c>
      <c r="J54" s="25"/>
      <c r="K54" s="27"/>
      <c r="L54" s="18"/>
      <c r="M54" s="18"/>
      <c r="N54" s="18"/>
      <c r="O54" s="18"/>
      <c r="P54" s="18"/>
      <c r="Q54" s="18"/>
      <c r="R54" s="29"/>
      <c r="S54" s="28"/>
      <c r="T54" s="15"/>
    </row>
    <row r="55" spans="1:20" ht="22.5" customHeight="1" x14ac:dyDescent="0.4">
      <c r="A55" s="17"/>
      <c r="B55" s="27"/>
      <c r="C55" s="18"/>
      <c r="D55" s="18"/>
      <c r="E55" s="18" t="s">
        <v>12</v>
      </c>
      <c r="F55" s="18"/>
      <c r="G55" s="18"/>
      <c r="H55" s="18"/>
      <c r="I55" s="29">
        <v>0</v>
      </c>
      <c r="J55" s="25"/>
      <c r="K55" s="27"/>
      <c r="L55" s="18"/>
      <c r="M55" s="18"/>
      <c r="N55" s="18"/>
      <c r="O55" s="18"/>
      <c r="P55" s="18"/>
      <c r="Q55" s="18"/>
      <c r="R55" s="29"/>
      <c r="S55" s="28"/>
      <c r="T55" s="15"/>
    </row>
    <row r="56" spans="1:20" ht="22.5" customHeight="1" x14ac:dyDescent="0.4">
      <c r="A56" s="17"/>
      <c r="B56" s="27"/>
      <c r="C56" s="18"/>
      <c r="D56" s="18"/>
      <c r="E56" s="18" t="s">
        <v>11</v>
      </c>
      <c r="F56" s="18"/>
      <c r="G56" s="18"/>
      <c r="H56" s="18"/>
      <c r="I56" s="29">
        <v>0</v>
      </c>
      <c r="J56" s="25"/>
      <c r="K56" s="27"/>
      <c r="L56" s="18"/>
      <c r="M56" s="18"/>
      <c r="N56" s="18"/>
      <c r="O56" s="18"/>
      <c r="P56" s="18"/>
      <c r="Q56" s="18"/>
      <c r="R56" s="29"/>
      <c r="S56" s="28"/>
      <c r="T56" s="15"/>
    </row>
    <row r="57" spans="1:20" ht="22.5" customHeight="1" x14ac:dyDescent="0.4">
      <c r="A57" s="17"/>
      <c r="B57" s="27"/>
      <c r="C57" s="18"/>
      <c r="D57" s="18" t="s">
        <v>8</v>
      </c>
      <c r="E57" s="18"/>
      <c r="F57" s="18"/>
      <c r="G57" s="18"/>
      <c r="H57" s="18"/>
      <c r="I57" s="29">
        <v>0</v>
      </c>
      <c r="J57" s="25"/>
      <c r="K57" s="27"/>
      <c r="L57" s="18"/>
      <c r="M57" s="18"/>
      <c r="N57" s="18"/>
      <c r="O57" s="18"/>
      <c r="P57" s="18"/>
      <c r="Q57" s="18"/>
      <c r="R57" s="29"/>
      <c r="S57" s="28"/>
      <c r="T57" s="15"/>
    </row>
    <row r="58" spans="1:20" ht="22.5" customHeight="1" x14ac:dyDescent="0.4">
      <c r="A58" s="17"/>
      <c r="B58" s="27"/>
      <c r="C58" s="18"/>
      <c r="D58" s="18" t="s">
        <v>10</v>
      </c>
      <c r="E58" s="18"/>
      <c r="F58" s="18"/>
      <c r="G58" s="18"/>
      <c r="H58" s="18"/>
      <c r="I58" s="29">
        <v>0</v>
      </c>
      <c r="J58" s="25"/>
      <c r="K58" s="27"/>
      <c r="L58" s="18"/>
      <c r="M58" s="18"/>
      <c r="N58" s="18"/>
      <c r="O58" s="18"/>
      <c r="P58" s="18"/>
      <c r="Q58" s="18"/>
      <c r="R58" s="29"/>
      <c r="S58" s="28"/>
      <c r="T58" s="15"/>
    </row>
    <row r="59" spans="1:20" ht="22.5" customHeight="1" x14ac:dyDescent="0.4">
      <c r="A59" s="17"/>
      <c r="B59" s="27"/>
      <c r="C59" s="18"/>
      <c r="D59" s="18" t="s">
        <v>8</v>
      </c>
      <c r="E59" s="18"/>
      <c r="F59" s="18"/>
      <c r="G59" s="18"/>
      <c r="H59" s="18"/>
      <c r="I59" s="29">
        <v>0</v>
      </c>
      <c r="J59" s="25"/>
      <c r="K59" s="27"/>
      <c r="L59" s="18"/>
      <c r="M59" s="18"/>
      <c r="N59" s="18"/>
      <c r="O59" s="18"/>
      <c r="P59" s="18"/>
      <c r="Q59" s="18"/>
      <c r="R59" s="29"/>
      <c r="S59" s="28"/>
      <c r="T59" s="15"/>
    </row>
    <row r="60" spans="1:20" ht="22.5" customHeight="1" x14ac:dyDescent="0.4">
      <c r="A60" s="17"/>
      <c r="B60" s="27"/>
      <c r="C60" s="18"/>
      <c r="D60" s="18" t="s">
        <v>9</v>
      </c>
      <c r="E60" s="18"/>
      <c r="F60" s="18"/>
      <c r="G60" s="18"/>
      <c r="H60" s="18"/>
      <c r="I60" s="29">
        <v>0</v>
      </c>
      <c r="J60" s="25"/>
      <c r="K60" s="27"/>
      <c r="L60" s="18"/>
      <c r="M60" s="18"/>
      <c r="N60" s="18"/>
      <c r="O60" s="18"/>
      <c r="P60" s="18"/>
      <c r="Q60" s="18"/>
      <c r="R60" s="29"/>
      <c r="S60" s="28"/>
      <c r="T60" s="15"/>
    </row>
    <row r="61" spans="1:20" ht="22.5" customHeight="1" x14ac:dyDescent="0.4">
      <c r="A61" s="17"/>
      <c r="B61" s="27"/>
      <c r="C61" s="18"/>
      <c r="D61" s="18" t="s">
        <v>8</v>
      </c>
      <c r="E61" s="18"/>
      <c r="F61" s="18"/>
      <c r="G61" s="18"/>
      <c r="H61" s="18"/>
      <c r="I61" s="26">
        <v>0</v>
      </c>
      <c r="J61" s="25"/>
      <c r="K61" s="22" t="s">
        <v>7</v>
      </c>
      <c r="L61" s="24"/>
      <c r="M61" s="21"/>
      <c r="N61" s="21"/>
      <c r="O61" s="21"/>
      <c r="P61" s="21"/>
      <c r="Q61" s="21"/>
      <c r="R61" s="20">
        <v>0</v>
      </c>
      <c r="S61" s="19"/>
      <c r="T61" s="15"/>
    </row>
    <row r="62" spans="1:20" ht="22.5" customHeight="1" x14ac:dyDescent="0.4">
      <c r="A62" s="17"/>
      <c r="B62" s="22" t="s">
        <v>6</v>
      </c>
      <c r="C62" s="24"/>
      <c r="D62" s="21"/>
      <c r="E62" s="21"/>
      <c r="F62" s="21"/>
      <c r="G62" s="21"/>
      <c r="H62" s="21"/>
      <c r="I62" s="20">
        <v>0</v>
      </c>
      <c r="J62" s="23"/>
      <c r="K62" s="22" t="s">
        <v>5</v>
      </c>
      <c r="L62" s="21"/>
      <c r="M62" s="21"/>
      <c r="N62" s="21"/>
      <c r="O62" s="21"/>
      <c r="P62" s="21"/>
      <c r="Q62" s="21"/>
      <c r="R62" s="20">
        <v>0</v>
      </c>
      <c r="S62" s="19"/>
      <c r="T62" s="15"/>
    </row>
    <row r="63" spans="1:20" ht="22.5" customHeight="1" x14ac:dyDescent="0.4">
      <c r="A63" s="17"/>
      <c r="B63" s="18"/>
      <c r="C63" s="18"/>
      <c r="D63" s="18"/>
      <c r="E63" s="18"/>
      <c r="F63" s="18"/>
      <c r="G63" s="18"/>
      <c r="H63" s="18"/>
      <c r="I63" s="16"/>
      <c r="K63" s="18"/>
      <c r="L63" s="18"/>
      <c r="M63" s="18"/>
      <c r="N63" s="18"/>
      <c r="O63" s="18"/>
      <c r="P63" s="18"/>
      <c r="Q63" s="18"/>
      <c r="R63" s="16"/>
      <c r="S63" s="16"/>
      <c r="T63" s="15"/>
    </row>
    <row r="64" spans="1:20" ht="22.5" customHeight="1" x14ac:dyDescent="0.4">
      <c r="A64" s="17"/>
      <c r="I64" s="16"/>
      <c r="R64" s="16"/>
      <c r="S64" s="16"/>
      <c r="T64" s="15"/>
    </row>
    <row r="65" spans="1:20" ht="22.5" customHeight="1" x14ac:dyDescent="0.4">
      <c r="A65" s="13"/>
      <c r="B65" s="13"/>
      <c r="C65" s="13"/>
      <c r="D65" s="13"/>
      <c r="E65" s="13"/>
      <c r="F65" s="13"/>
      <c r="G65" s="13"/>
      <c r="H65" s="13"/>
      <c r="I65" s="14"/>
      <c r="J65" s="13"/>
      <c r="K65" s="13"/>
      <c r="L65" s="13"/>
      <c r="M65" s="13"/>
      <c r="N65" s="13"/>
      <c r="O65" s="13"/>
      <c r="P65" s="13"/>
      <c r="Q65" s="13"/>
      <c r="R65" s="14"/>
      <c r="S65" s="14"/>
      <c r="T65" s="13"/>
    </row>
    <row r="66" spans="1:20" ht="22.5" customHeight="1" x14ac:dyDescent="0.4">
      <c r="I66" s="12"/>
      <c r="R66" s="12"/>
      <c r="S66" s="12"/>
    </row>
    <row r="67" spans="1:20" ht="22.5" customHeight="1" x14ac:dyDescent="0.4">
      <c r="I67" s="12"/>
      <c r="R67" s="12"/>
      <c r="S67" s="12"/>
    </row>
    <row r="68" spans="1:20" ht="22.5" customHeight="1" x14ac:dyDescent="0.4">
      <c r="I68" s="12"/>
      <c r="R68" s="12"/>
      <c r="S68" s="12"/>
    </row>
    <row r="69" spans="1:20" ht="22.5" customHeight="1" x14ac:dyDescent="0.4">
      <c r="I69" s="12"/>
      <c r="R69" s="12"/>
      <c r="S69" s="12"/>
    </row>
    <row r="70" spans="1:20" ht="22.5" customHeight="1" x14ac:dyDescent="0.4">
      <c r="I70" s="12"/>
      <c r="R70" s="12"/>
      <c r="S70" s="12"/>
    </row>
    <row r="71" spans="1:20" ht="22.5" customHeight="1" x14ac:dyDescent="0.4">
      <c r="I71" s="12"/>
      <c r="R71" s="12"/>
      <c r="S71" s="12"/>
    </row>
    <row r="72" spans="1:20" ht="22.5" customHeight="1" x14ac:dyDescent="0.4">
      <c r="I72" s="12"/>
      <c r="R72" s="12"/>
      <c r="S72" s="12"/>
    </row>
    <row r="73" spans="1:20" ht="22.5" customHeight="1" x14ac:dyDescent="0.4">
      <c r="I73" s="12"/>
      <c r="R73" s="12"/>
      <c r="S73" s="12"/>
    </row>
    <row r="74" spans="1:20" ht="22.5" customHeight="1" x14ac:dyDescent="0.4">
      <c r="I74" s="12"/>
      <c r="R74" s="12"/>
      <c r="S74" s="12"/>
    </row>
    <row r="75" spans="1:20" ht="22.5" customHeight="1" x14ac:dyDescent="0.4">
      <c r="I75" s="12"/>
      <c r="R75" s="12"/>
      <c r="S75" s="12"/>
    </row>
    <row r="76" spans="1:20" ht="22.5" customHeight="1" x14ac:dyDescent="0.4">
      <c r="I76" s="12"/>
      <c r="R76" s="12"/>
      <c r="S76" s="12"/>
    </row>
    <row r="77" spans="1:20" ht="22.5" customHeight="1" x14ac:dyDescent="0.4">
      <c r="I77" s="12"/>
      <c r="R77" s="12"/>
      <c r="S77" s="12"/>
    </row>
    <row r="78" spans="1:20" ht="22.5" customHeight="1" x14ac:dyDescent="0.4">
      <c r="I78" s="12"/>
      <c r="R78" s="12"/>
      <c r="S78" s="12"/>
    </row>
    <row r="79" spans="1:20" ht="22.5" customHeight="1" x14ac:dyDescent="0.4">
      <c r="I79" s="12"/>
      <c r="R79" s="12"/>
      <c r="S79" s="12"/>
    </row>
    <row r="80" spans="1:20" ht="22.5" customHeight="1" x14ac:dyDescent="0.4">
      <c r="I80" s="12"/>
      <c r="R80" s="12"/>
      <c r="S80" s="12"/>
    </row>
    <row r="81" spans="9:19" ht="22.5" customHeight="1" x14ac:dyDescent="0.4">
      <c r="I81" s="12"/>
      <c r="R81" s="12"/>
      <c r="S81" s="12"/>
    </row>
    <row r="82" spans="9:19" ht="22.5" customHeight="1" x14ac:dyDescent="0.4">
      <c r="I82" s="12"/>
      <c r="R82" s="12"/>
      <c r="S82" s="12"/>
    </row>
    <row r="83" spans="9:19" ht="22.5" customHeight="1" x14ac:dyDescent="0.4">
      <c r="I83" s="12"/>
      <c r="R83" s="12"/>
      <c r="S83" s="12"/>
    </row>
    <row r="84" spans="9:19" ht="22.5" customHeight="1" x14ac:dyDescent="0.4">
      <c r="I84" s="12"/>
      <c r="R84" s="12"/>
      <c r="S84" s="12"/>
    </row>
    <row r="85" spans="9:19" ht="22.5" customHeight="1" x14ac:dyDescent="0.4">
      <c r="I85" s="12"/>
      <c r="R85" s="12"/>
      <c r="S85" s="12"/>
    </row>
    <row r="86" spans="9:19" ht="22.5" customHeight="1" x14ac:dyDescent="0.4">
      <c r="I86" s="12"/>
      <c r="R86" s="12"/>
      <c r="S86" s="12"/>
    </row>
    <row r="87" spans="9:19" ht="22.5" customHeight="1" x14ac:dyDescent="0.4">
      <c r="I87" s="12"/>
      <c r="R87" s="12"/>
      <c r="S87" s="12"/>
    </row>
    <row r="88" spans="9:19" ht="22.5" customHeight="1" x14ac:dyDescent="0.4">
      <c r="I88" s="12"/>
      <c r="R88" s="12"/>
      <c r="S88" s="12"/>
    </row>
    <row r="89" spans="9:19" ht="22.5" customHeight="1" x14ac:dyDescent="0.4">
      <c r="I89" s="12"/>
      <c r="R89" s="12"/>
      <c r="S89" s="12"/>
    </row>
    <row r="90" spans="9:19" ht="22.5" customHeight="1" x14ac:dyDescent="0.4">
      <c r="I90" s="12"/>
      <c r="R90" s="12"/>
      <c r="S90" s="12"/>
    </row>
    <row r="91" spans="9:19" ht="22.5" customHeight="1" x14ac:dyDescent="0.4">
      <c r="I91" s="12"/>
      <c r="R91" s="12"/>
      <c r="S91" s="12"/>
    </row>
    <row r="92" spans="9:19" ht="22.5" customHeight="1" x14ac:dyDescent="0.4">
      <c r="I92" s="12"/>
      <c r="R92" s="12"/>
      <c r="S92" s="12"/>
    </row>
    <row r="93" spans="9:19" ht="22.5" customHeight="1" x14ac:dyDescent="0.4">
      <c r="I93" s="12"/>
      <c r="R93" s="12"/>
      <c r="S93" s="12"/>
    </row>
    <row r="94" spans="9:19" ht="22.5" customHeight="1" x14ac:dyDescent="0.4">
      <c r="I94" s="12"/>
      <c r="R94" s="12"/>
      <c r="S94" s="12"/>
    </row>
    <row r="95" spans="9:19" ht="22.5" customHeight="1" x14ac:dyDescent="0.4">
      <c r="I95" s="12"/>
      <c r="R95" s="12"/>
      <c r="S95" s="12"/>
    </row>
    <row r="96" spans="9:19" ht="22.5" customHeight="1" x14ac:dyDescent="0.4">
      <c r="I96" s="12"/>
      <c r="R96" s="12"/>
      <c r="S96" s="12"/>
    </row>
    <row r="97" spans="9:19" ht="22.5" customHeight="1" x14ac:dyDescent="0.4">
      <c r="I97" s="12"/>
      <c r="R97" s="12"/>
      <c r="S97" s="12"/>
    </row>
    <row r="98" spans="9:19" ht="22.5" customHeight="1" x14ac:dyDescent="0.4">
      <c r="I98" s="12"/>
      <c r="R98" s="12"/>
      <c r="S98" s="12"/>
    </row>
    <row r="99" spans="9:19" ht="22.5" customHeight="1" x14ac:dyDescent="0.4">
      <c r="I99" s="12"/>
      <c r="R99" s="12"/>
      <c r="S99" s="12"/>
    </row>
    <row r="100" spans="9:19" ht="22.5" customHeight="1" x14ac:dyDescent="0.4">
      <c r="I100" s="12"/>
      <c r="R100" s="12"/>
      <c r="S100" s="12"/>
    </row>
    <row r="101" spans="9:19" ht="22.5" customHeight="1" x14ac:dyDescent="0.4">
      <c r="I101" s="12"/>
      <c r="R101" s="12"/>
      <c r="S101" s="12"/>
    </row>
    <row r="102" spans="9:19" ht="22.5" customHeight="1" x14ac:dyDescent="0.4">
      <c r="I102" s="12"/>
      <c r="R102" s="12"/>
      <c r="S102" s="12"/>
    </row>
    <row r="103" spans="9:19" ht="22.5" customHeight="1" x14ac:dyDescent="0.4">
      <c r="I103" s="12"/>
      <c r="R103" s="12"/>
      <c r="S103" s="12"/>
    </row>
    <row r="104" spans="9:19" ht="22.5" customHeight="1" x14ac:dyDescent="0.4">
      <c r="I104" s="12"/>
      <c r="R104" s="12"/>
      <c r="S104" s="12"/>
    </row>
    <row r="105" spans="9:19" ht="22.5" customHeight="1" x14ac:dyDescent="0.4">
      <c r="I105" s="12"/>
      <c r="R105" s="12"/>
      <c r="S105" s="12"/>
    </row>
    <row r="106" spans="9:19" ht="22.5" customHeight="1" x14ac:dyDescent="0.4">
      <c r="I106" s="12"/>
      <c r="R106" s="12"/>
      <c r="S106" s="12"/>
    </row>
    <row r="107" spans="9:19" ht="22.5" customHeight="1" x14ac:dyDescent="0.4">
      <c r="I107" s="12"/>
      <c r="R107" s="12"/>
      <c r="S107" s="12"/>
    </row>
    <row r="108" spans="9:19" ht="22.5" customHeight="1" x14ac:dyDescent="0.4">
      <c r="I108" s="12"/>
      <c r="R108" s="12"/>
      <c r="S108" s="12"/>
    </row>
    <row r="109" spans="9:19" ht="22.5" customHeight="1" x14ac:dyDescent="0.4">
      <c r="I109" s="12"/>
      <c r="R109" s="12"/>
      <c r="S109" s="12"/>
    </row>
    <row r="110" spans="9:19" ht="22.5" customHeight="1" x14ac:dyDescent="0.4">
      <c r="I110" s="12"/>
      <c r="R110" s="12"/>
      <c r="S110" s="12"/>
    </row>
    <row r="111" spans="9:19" ht="22.5" customHeight="1" x14ac:dyDescent="0.4">
      <c r="I111" s="12"/>
      <c r="R111" s="12"/>
      <c r="S111" s="12"/>
    </row>
    <row r="112" spans="9:19" ht="22.5" customHeight="1" x14ac:dyDescent="0.4">
      <c r="I112" s="12"/>
      <c r="R112" s="12"/>
      <c r="S112" s="12"/>
    </row>
    <row r="113" spans="9:19" ht="22.5" customHeight="1" x14ac:dyDescent="0.4">
      <c r="I113" s="12"/>
      <c r="R113" s="12"/>
      <c r="S113" s="12"/>
    </row>
    <row r="114" spans="9:19" ht="22.5" customHeight="1" x14ac:dyDescent="0.4">
      <c r="I114" s="12"/>
      <c r="R114" s="12"/>
      <c r="S114" s="12"/>
    </row>
    <row r="115" spans="9:19" ht="22.5" customHeight="1" x14ac:dyDescent="0.4">
      <c r="I115" s="12"/>
      <c r="R115" s="12"/>
      <c r="S115" s="12"/>
    </row>
    <row r="116" spans="9:19" ht="22.5" customHeight="1" x14ac:dyDescent="0.4">
      <c r="I116" s="12"/>
      <c r="R116" s="12"/>
      <c r="S116" s="12"/>
    </row>
    <row r="117" spans="9:19" ht="22.5" customHeight="1" x14ac:dyDescent="0.4">
      <c r="I117" s="12"/>
      <c r="R117" s="12"/>
      <c r="S117" s="12"/>
    </row>
    <row r="118" spans="9:19" ht="22.5" customHeight="1" x14ac:dyDescent="0.4">
      <c r="I118" s="12"/>
      <c r="R118" s="12"/>
      <c r="S118" s="12"/>
    </row>
    <row r="119" spans="9:19" ht="22.5" customHeight="1" x14ac:dyDescent="0.4">
      <c r="I119" s="12"/>
      <c r="R119" s="12"/>
      <c r="S119" s="12"/>
    </row>
    <row r="120" spans="9:19" ht="22.5" customHeight="1" x14ac:dyDescent="0.4">
      <c r="I120" s="12"/>
      <c r="R120" s="12"/>
      <c r="S120" s="12"/>
    </row>
    <row r="121" spans="9:19" ht="22.5" customHeight="1" x14ac:dyDescent="0.4">
      <c r="I121" s="12"/>
      <c r="R121" s="12"/>
      <c r="S121" s="12"/>
    </row>
    <row r="122" spans="9:19" ht="22.5" customHeight="1" x14ac:dyDescent="0.4">
      <c r="I122" s="12"/>
      <c r="R122" s="12"/>
      <c r="S122" s="12"/>
    </row>
    <row r="123" spans="9:19" ht="22.5" customHeight="1" x14ac:dyDescent="0.4">
      <c r="I123" s="12"/>
      <c r="R123" s="12"/>
      <c r="S123" s="12"/>
    </row>
    <row r="124" spans="9:19" ht="22.5" customHeight="1" x14ac:dyDescent="0.4">
      <c r="I124" s="12"/>
      <c r="R124" s="12"/>
      <c r="S124" s="12"/>
    </row>
    <row r="125" spans="9:19" ht="22.5" customHeight="1" x14ac:dyDescent="0.4">
      <c r="I125" s="12"/>
      <c r="R125" s="12"/>
      <c r="S125" s="12"/>
    </row>
    <row r="126" spans="9:19" ht="22.5" customHeight="1" x14ac:dyDescent="0.4">
      <c r="I126" s="12"/>
      <c r="R126" s="12"/>
      <c r="S126" s="12"/>
    </row>
    <row r="127" spans="9:19" ht="22.5" customHeight="1" x14ac:dyDescent="0.4">
      <c r="I127" s="12"/>
      <c r="R127" s="12"/>
      <c r="S127" s="12"/>
    </row>
    <row r="128" spans="9:19" ht="22.5" customHeight="1" x14ac:dyDescent="0.4">
      <c r="I128" s="12"/>
      <c r="R128" s="12"/>
      <c r="S128" s="12"/>
    </row>
    <row r="129" spans="9:19" ht="22.5" customHeight="1" x14ac:dyDescent="0.4">
      <c r="I129" s="12"/>
      <c r="R129" s="12"/>
      <c r="S129" s="12"/>
    </row>
    <row r="130" spans="9:19" ht="22.5" customHeight="1" x14ac:dyDescent="0.4">
      <c r="I130" s="12"/>
      <c r="R130" s="12"/>
      <c r="S130" s="12"/>
    </row>
    <row r="131" spans="9:19" ht="22.5" customHeight="1" x14ac:dyDescent="0.4">
      <c r="I131" s="12"/>
      <c r="R131" s="12"/>
      <c r="S131" s="12"/>
    </row>
    <row r="132" spans="9:19" ht="22.5" customHeight="1" x14ac:dyDescent="0.4">
      <c r="I132" s="12"/>
      <c r="R132" s="12"/>
      <c r="S132" s="12"/>
    </row>
    <row r="133" spans="9:19" ht="22.5" customHeight="1" x14ac:dyDescent="0.4">
      <c r="I133" s="12"/>
      <c r="R133" s="12"/>
      <c r="S133" s="12"/>
    </row>
    <row r="134" spans="9:19" ht="22.5" customHeight="1" x14ac:dyDescent="0.4">
      <c r="I134" s="12"/>
      <c r="R134" s="12"/>
      <c r="S134" s="12"/>
    </row>
    <row r="135" spans="9:19" ht="22.5" customHeight="1" x14ac:dyDescent="0.4">
      <c r="I135" s="12"/>
      <c r="R135" s="12"/>
      <c r="S135" s="12"/>
    </row>
    <row r="136" spans="9:19" ht="22.5" customHeight="1" x14ac:dyDescent="0.4">
      <c r="I136" s="12"/>
      <c r="R136" s="12"/>
      <c r="S136" s="12"/>
    </row>
    <row r="137" spans="9:19" ht="22.5" customHeight="1" x14ac:dyDescent="0.4">
      <c r="I137" s="12"/>
      <c r="R137" s="12"/>
      <c r="S137" s="12"/>
    </row>
    <row r="138" spans="9:19" ht="22.5" customHeight="1" x14ac:dyDescent="0.4">
      <c r="I138" s="12"/>
      <c r="R138" s="12"/>
      <c r="S138" s="12"/>
    </row>
    <row r="139" spans="9:19" ht="22.5" customHeight="1" x14ac:dyDescent="0.4">
      <c r="I139" s="12"/>
      <c r="R139" s="12"/>
      <c r="S139" s="12"/>
    </row>
    <row r="140" spans="9:19" ht="22.5" customHeight="1" x14ac:dyDescent="0.4">
      <c r="I140" s="12"/>
      <c r="R140" s="12"/>
      <c r="S140" s="12"/>
    </row>
    <row r="141" spans="9:19" ht="22.5" customHeight="1" x14ac:dyDescent="0.4">
      <c r="I141" s="12"/>
      <c r="R141" s="12"/>
      <c r="S141" s="12"/>
    </row>
    <row r="142" spans="9:19" ht="22.5" customHeight="1" x14ac:dyDescent="0.4">
      <c r="I142" s="12"/>
      <c r="R142" s="12"/>
      <c r="S142" s="12"/>
    </row>
    <row r="143" spans="9:19" ht="22.5" customHeight="1" x14ac:dyDescent="0.4">
      <c r="I143" s="12"/>
      <c r="R143" s="12"/>
      <c r="S143" s="12"/>
    </row>
    <row r="144" spans="9:19" ht="22.5" customHeight="1" x14ac:dyDescent="0.4">
      <c r="I144" s="12"/>
      <c r="R144" s="12"/>
      <c r="S144" s="12"/>
    </row>
    <row r="145" spans="9:19" ht="22.5" customHeight="1" x14ac:dyDescent="0.4">
      <c r="I145" s="12"/>
      <c r="R145" s="12"/>
      <c r="S145" s="12"/>
    </row>
    <row r="146" spans="9:19" ht="22.5" customHeight="1" x14ac:dyDescent="0.4">
      <c r="I146" s="12"/>
      <c r="R146" s="12"/>
      <c r="S146" s="12"/>
    </row>
    <row r="147" spans="9:19" ht="22.5" customHeight="1" x14ac:dyDescent="0.4">
      <c r="I147" s="12"/>
      <c r="R147" s="12"/>
      <c r="S147" s="12"/>
    </row>
    <row r="148" spans="9:19" ht="22.5" customHeight="1" x14ac:dyDescent="0.4">
      <c r="I148" s="12"/>
      <c r="R148" s="12"/>
      <c r="S148" s="12"/>
    </row>
    <row r="149" spans="9:19" ht="22.5" customHeight="1" x14ac:dyDescent="0.4">
      <c r="I149" s="12"/>
      <c r="R149" s="12"/>
      <c r="S149" s="12"/>
    </row>
    <row r="150" spans="9:19" ht="22.5" customHeight="1" x14ac:dyDescent="0.4">
      <c r="I150" s="12"/>
      <c r="R150" s="12"/>
      <c r="S150" s="12"/>
    </row>
    <row r="151" spans="9:19" ht="22.5" customHeight="1" x14ac:dyDescent="0.4">
      <c r="I151" s="12"/>
      <c r="R151" s="12"/>
      <c r="S151" s="12"/>
    </row>
    <row r="152" spans="9:19" ht="22.5" customHeight="1" x14ac:dyDescent="0.4">
      <c r="I152" s="12"/>
      <c r="R152" s="12"/>
      <c r="S152" s="12"/>
    </row>
    <row r="153" spans="9:19" ht="22.5" customHeight="1" x14ac:dyDescent="0.4">
      <c r="I153" s="12"/>
      <c r="R153" s="12"/>
      <c r="S153" s="12"/>
    </row>
    <row r="154" spans="9:19" ht="22.5" customHeight="1" x14ac:dyDescent="0.4">
      <c r="I154" s="12"/>
      <c r="R154" s="12"/>
      <c r="S154" s="12"/>
    </row>
    <row r="155" spans="9:19" ht="22.5" customHeight="1" x14ac:dyDescent="0.4">
      <c r="I155" s="12"/>
      <c r="R155" s="12"/>
      <c r="S155" s="12"/>
    </row>
    <row r="156" spans="9:19" ht="22.5" customHeight="1" x14ac:dyDescent="0.4">
      <c r="I156" s="12"/>
      <c r="R156" s="12"/>
      <c r="S156" s="12"/>
    </row>
    <row r="157" spans="9:19" ht="22.5" customHeight="1" x14ac:dyDescent="0.4">
      <c r="I157" s="12"/>
      <c r="R157" s="12"/>
      <c r="S157" s="12"/>
    </row>
    <row r="158" spans="9:19" ht="22.5" customHeight="1" x14ac:dyDescent="0.4">
      <c r="I158" s="12"/>
      <c r="R158" s="12"/>
      <c r="S158" s="12"/>
    </row>
    <row r="159" spans="9:19" ht="22.5" customHeight="1" x14ac:dyDescent="0.4">
      <c r="I159" s="12"/>
      <c r="R159" s="12"/>
      <c r="S159" s="12"/>
    </row>
    <row r="160" spans="9:19" ht="22.5" customHeight="1" x14ac:dyDescent="0.4">
      <c r="I160" s="12"/>
      <c r="R160" s="12"/>
      <c r="S160" s="12"/>
    </row>
    <row r="161" spans="9:19" ht="22.5" customHeight="1" x14ac:dyDescent="0.4">
      <c r="I161" s="12"/>
      <c r="R161" s="12"/>
      <c r="S161" s="12"/>
    </row>
    <row r="162" spans="9:19" ht="22.5" customHeight="1" x14ac:dyDescent="0.4">
      <c r="I162" s="12"/>
      <c r="R162" s="12"/>
      <c r="S162" s="12"/>
    </row>
    <row r="163" spans="9:19" ht="22.5" customHeight="1" x14ac:dyDescent="0.4">
      <c r="I163" s="12"/>
      <c r="R163" s="12"/>
      <c r="S163" s="12"/>
    </row>
    <row r="164" spans="9:19" ht="22.5" customHeight="1" x14ac:dyDescent="0.4">
      <c r="I164" s="12"/>
      <c r="R164" s="12"/>
      <c r="S164" s="12"/>
    </row>
    <row r="165" spans="9:19" ht="22.5" customHeight="1" x14ac:dyDescent="0.4">
      <c r="I165" s="12"/>
      <c r="R165" s="12"/>
      <c r="S165" s="12"/>
    </row>
    <row r="166" spans="9:19" ht="22.5" customHeight="1" x14ac:dyDescent="0.4">
      <c r="I166" s="12"/>
      <c r="R166" s="12"/>
      <c r="S166" s="12"/>
    </row>
    <row r="167" spans="9:19" ht="22.5" customHeight="1" x14ac:dyDescent="0.4">
      <c r="I167" s="12"/>
      <c r="R167" s="12"/>
      <c r="S167" s="12"/>
    </row>
    <row r="168" spans="9:19" ht="22.5" customHeight="1" x14ac:dyDescent="0.4">
      <c r="I168" s="12"/>
      <c r="R168" s="12"/>
      <c r="S168" s="12"/>
    </row>
    <row r="169" spans="9:19" ht="22.5" customHeight="1" x14ac:dyDescent="0.4">
      <c r="I169" s="12"/>
      <c r="R169" s="12"/>
      <c r="S169" s="12"/>
    </row>
    <row r="170" spans="9:19" ht="22.5" customHeight="1" x14ac:dyDescent="0.4">
      <c r="I170" s="12"/>
      <c r="R170" s="12"/>
      <c r="S170" s="12"/>
    </row>
    <row r="171" spans="9:19" ht="22.5" customHeight="1" x14ac:dyDescent="0.4">
      <c r="I171" s="12"/>
      <c r="R171" s="12"/>
      <c r="S171" s="12"/>
    </row>
    <row r="172" spans="9:19" ht="22.5" customHeight="1" x14ac:dyDescent="0.4">
      <c r="I172" s="12"/>
      <c r="R172" s="12"/>
      <c r="S172" s="12"/>
    </row>
    <row r="173" spans="9:19" ht="22.5" customHeight="1" x14ac:dyDescent="0.4">
      <c r="I173" s="12"/>
      <c r="R173" s="12"/>
      <c r="S173" s="12"/>
    </row>
    <row r="174" spans="9:19" ht="22.5" customHeight="1" x14ac:dyDescent="0.4">
      <c r="I174" s="12"/>
      <c r="R174" s="12"/>
      <c r="S174" s="12"/>
    </row>
    <row r="175" spans="9:19" ht="22.5" customHeight="1" x14ac:dyDescent="0.4">
      <c r="I175" s="12"/>
      <c r="R175" s="12"/>
      <c r="S175" s="12"/>
    </row>
    <row r="176" spans="9:19" ht="22.5" customHeight="1" x14ac:dyDescent="0.4">
      <c r="I176" s="12"/>
      <c r="R176" s="12"/>
      <c r="S176" s="12"/>
    </row>
    <row r="177" spans="9:19" ht="22.5" customHeight="1" x14ac:dyDescent="0.4">
      <c r="I177" s="12"/>
      <c r="R177" s="12"/>
      <c r="S177" s="12"/>
    </row>
    <row r="178" spans="9:19" ht="22.5" customHeight="1" x14ac:dyDescent="0.4">
      <c r="I178" s="12"/>
      <c r="R178" s="12"/>
      <c r="S178" s="12"/>
    </row>
    <row r="179" spans="9:19" ht="22.5" customHeight="1" x14ac:dyDescent="0.4">
      <c r="I179" s="12"/>
      <c r="R179" s="12"/>
      <c r="S179" s="12"/>
    </row>
    <row r="180" spans="9:19" ht="22.5" customHeight="1" x14ac:dyDescent="0.4">
      <c r="I180" s="12"/>
      <c r="R180" s="12"/>
      <c r="S180" s="12"/>
    </row>
    <row r="181" spans="9:19" ht="22.5" customHeight="1" x14ac:dyDescent="0.4">
      <c r="I181" s="12"/>
      <c r="R181" s="12"/>
      <c r="S181" s="12"/>
    </row>
    <row r="182" spans="9:19" ht="22.5" customHeight="1" x14ac:dyDescent="0.4">
      <c r="I182" s="12"/>
      <c r="R182" s="12"/>
      <c r="S182" s="12"/>
    </row>
    <row r="183" spans="9:19" ht="22.5" customHeight="1" x14ac:dyDescent="0.4">
      <c r="I183" s="12"/>
      <c r="R183" s="12"/>
      <c r="S183" s="12"/>
    </row>
    <row r="184" spans="9:19" ht="22.5" customHeight="1" x14ac:dyDescent="0.4">
      <c r="I184" s="12"/>
      <c r="R184" s="12"/>
      <c r="S184" s="12"/>
    </row>
    <row r="185" spans="9:19" ht="22.5" customHeight="1" x14ac:dyDescent="0.4">
      <c r="I185" s="12"/>
      <c r="R185" s="12"/>
      <c r="S185" s="12"/>
    </row>
    <row r="186" spans="9:19" ht="22.5" customHeight="1" x14ac:dyDescent="0.4">
      <c r="I186" s="12"/>
      <c r="R186" s="12"/>
      <c r="S186" s="12"/>
    </row>
    <row r="187" spans="9:19" ht="22.5" customHeight="1" x14ac:dyDescent="0.4">
      <c r="I187" s="12"/>
      <c r="R187" s="12"/>
      <c r="S187" s="12"/>
    </row>
    <row r="188" spans="9:19" ht="22.5" customHeight="1" x14ac:dyDescent="0.4">
      <c r="I188" s="12"/>
      <c r="R188" s="12"/>
      <c r="S188" s="12"/>
    </row>
    <row r="189" spans="9:19" ht="22.5" customHeight="1" x14ac:dyDescent="0.4">
      <c r="I189" s="12"/>
      <c r="R189" s="12"/>
      <c r="S189" s="12"/>
    </row>
    <row r="190" spans="9:19" ht="22.5" customHeight="1" x14ac:dyDescent="0.4">
      <c r="I190" s="12"/>
      <c r="R190" s="12"/>
      <c r="S190" s="12"/>
    </row>
    <row r="191" spans="9:19" ht="22.5" customHeight="1" x14ac:dyDescent="0.4">
      <c r="I191" s="12"/>
      <c r="R191" s="12"/>
      <c r="S191" s="12"/>
    </row>
    <row r="192" spans="9:19" ht="22.5" customHeight="1" x14ac:dyDescent="0.4">
      <c r="I192" s="12"/>
      <c r="R192" s="12"/>
      <c r="S192" s="12"/>
    </row>
    <row r="193" spans="9:19" ht="22.5" customHeight="1" x14ac:dyDescent="0.4">
      <c r="I193" s="12"/>
      <c r="R193" s="12"/>
      <c r="S193" s="12"/>
    </row>
    <row r="194" spans="9:19" ht="22.5" customHeight="1" x14ac:dyDescent="0.4">
      <c r="I194" s="12"/>
      <c r="R194" s="12"/>
      <c r="S194" s="12"/>
    </row>
  </sheetData>
  <sheetProtection selectLockedCells="1" selectUnlockedCells="1"/>
  <mergeCells count="5">
    <mergeCell ref="K8:M8"/>
    <mergeCell ref="N8:P8"/>
    <mergeCell ref="B9:D9"/>
    <mergeCell ref="B6:R6"/>
    <mergeCell ref="B7:R7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1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84B6ACC-2944-4677-A5A9-17722F9CF455}">
  <dimension ref="A1:M192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7.5" style="18" customWidth="1"/>
    <col min="2" max="2" width="11.125" style="18" customWidth="1"/>
    <col min="3" max="8" width="7.5" style="18" customWidth="1"/>
    <col min="9" max="9" width="28.125" style="18" customWidth="1"/>
    <col min="10" max="10" width="50" style="18" customWidth="1"/>
    <col min="11" max="11" width="2.5" style="18" customWidth="1"/>
    <col min="12" max="12" width="11.125" style="18" customWidth="1"/>
    <col min="13" max="13" width="7.5" style="18" customWidth="1"/>
    <col min="14" max="16384" width="8.875" style="1"/>
  </cols>
  <sheetData>
    <row r="1" spans="1:13" ht="22.5" customHeight="1" x14ac:dyDescent="0.4">
      <c r="A1" s="1"/>
      <c r="B1" s="51" t="s">
        <v>77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51" t="s">
        <v>76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51" t="s">
        <v>75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39"/>
      <c r="B4" s="36"/>
      <c r="C4" s="36"/>
      <c r="D4" s="36"/>
      <c r="E4" s="36"/>
      <c r="F4" s="36"/>
      <c r="G4" s="36"/>
      <c r="H4" s="36"/>
      <c r="I4" s="36"/>
      <c r="J4" s="36"/>
      <c r="K4" s="36"/>
      <c r="L4" s="36"/>
      <c r="M4" s="38"/>
    </row>
    <row r="5" spans="1:13" ht="22.5" customHeight="1" x14ac:dyDescent="0.2">
      <c r="A5" s="27"/>
      <c r="C5" s="74"/>
      <c r="D5" s="74"/>
      <c r="E5" s="74"/>
      <c r="F5" s="74"/>
      <c r="G5" s="74"/>
      <c r="H5" s="74"/>
      <c r="I5" s="74"/>
      <c r="K5" s="74"/>
      <c r="L5" s="74"/>
      <c r="M5" s="25"/>
    </row>
    <row r="6" spans="1:13" ht="28.5" x14ac:dyDescent="0.3">
      <c r="A6" s="73"/>
      <c r="B6" s="124" t="s">
        <v>130</v>
      </c>
      <c r="C6" s="124"/>
      <c r="D6" s="124"/>
      <c r="E6" s="124"/>
      <c r="F6" s="124"/>
      <c r="G6" s="124"/>
      <c r="H6" s="124"/>
      <c r="I6" s="124"/>
      <c r="J6" s="124"/>
      <c r="K6" s="124"/>
      <c r="L6" s="125"/>
      <c r="M6" s="72"/>
    </row>
    <row r="7" spans="1:13" ht="22.5" customHeight="1" x14ac:dyDescent="0.2">
      <c r="A7" s="27"/>
      <c r="B7" s="126" t="s">
        <v>129</v>
      </c>
      <c r="C7" s="126"/>
      <c r="D7" s="126"/>
      <c r="E7" s="126"/>
      <c r="F7" s="126"/>
      <c r="G7" s="126"/>
      <c r="H7" s="126"/>
      <c r="I7" s="126"/>
      <c r="J7" s="126"/>
      <c r="K7" s="126"/>
      <c r="L7" s="127"/>
      <c r="M7" s="25"/>
    </row>
    <row r="8" spans="1:13" ht="22.5" customHeight="1" x14ac:dyDescent="0.4">
      <c r="A8" s="27"/>
      <c r="M8" s="25"/>
    </row>
    <row r="9" spans="1:13" ht="22.5" customHeight="1" x14ac:dyDescent="0.4">
      <c r="A9" s="27"/>
      <c r="B9" s="128"/>
      <c r="C9" s="128"/>
      <c r="D9" s="128"/>
      <c r="F9" s="71"/>
      <c r="K9" s="42" t="s">
        <v>71</v>
      </c>
      <c r="L9" s="42"/>
      <c r="M9" s="25"/>
    </row>
    <row r="10" spans="1:13" ht="22.5" customHeight="1" x14ac:dyDescent="0.4">
      <c r="A10" s="27"/>
      <c r="C10" s="39" t="s">
        <v>128</v>
      </c>
      <c r="D10" s="70"/>
      <c r="E10" s="70"/>
      <c r="F10" s="70"/>
      <c r="G10" s="70"/>
      <c r="H10" s="70"/>
      <c r="I10" s="36"/>
      <c r="J10" s="35">
        <v>0</v>
      </c>
      <c r="K10" s="34"/>
      <c r="M10" s="25"/>
    </row>
    <row r="11" spans="1:13" ht="22.5" customHeight="1" x14ac:dyDescent="0.4">
      <c r="A11" s="27"/>
      <c r="C11" s="63"/>
      <c r="D11" s="62" t="s">
        <v>127</v>
      </c>
      <c r="E11" s="62"/>
      <c r="F11" s="62"/>
      <c r="G11" s="62"/>
      <c r="H11" s="62"/>
      <c r="I11" s="61"/>
      <c r="J11" s="26">
        <v>0</v>
      </c>
      <c r="K11" s="64"/>
      <c r="M11" s="25"/>
    </row>
    <row r="12" spans="1:13" ht="22.5" customHeight="1" x14ac:dyDescent="0.4">
      <c r="A12" s="27"/>
      <c r="C12" s="63"/>
      <c r="D12" s="62" t="s">
        <v>126</v>
      </c>
      <c r="E12" s="62"/>
      <c r="F12" s="62"/>
      <c r="G12" s="62"/>
      <c r="H12" s="62"/>
      <c r="I12" s="61"/>
      <c r="J12" s="26">
        <v>0</v>
      </c>
      <c r="K12" s="64"/>
      <c r="M12" s="25"/>
    </row>
    <row r="13" spans="1:13" ht="22.5" customHeight="1" x14ac:dyDescent="0.4">
      <c r="A13" s="27"/>
      <c r="C13" s="63"/>
      <c r="D13" s="62" t="s">
        <v>125</v>
      </c>
      <c r="E13" s="62"/>
      <c r="F13" s="62"/>
      <c r="G13" s="62"/>
      <c r="H13" s="62"/>
      <c r="I13" s="61"/>
      <c r="J13" s="26">
        <v>0</v>
      </c>
      <c r="K13" s="64"/>
      <c r="M13" s="25"/>
    </row>
    <row r="14" spans="1:13" ht="22.5" customHeight="1" x14ac:dyDescent="0.4">
      <c r="A14" s="27"/>
      <c r="C14" s="63"/>
      <c r="D14" s="62" t="s">
        <v>124</v>
      </c>
      <c r="E14" s="62"/>
      <c r="F14" s="62"/>
      <c r="G14" s="62"/>
      <c r="H14" s="62"/>
      <c r="I14" s="61"/>
      <c r="J14" s="26">
        <v>0</v>
      </c>
      <c r="K14" s="64"/>
      <c r="M14" s="25"/>
    </row>
    <row r="15" spans="1:13" ht="18.75" x14ac:dyDescent="0.4">
      <c r="A15" s="27"/>
      <c r="C15" s="63"/>
      <c r="D15" s="62" t="s">
        <v>123</v>
      </c>
      <c r="E15" s="62"/>
      <c r="F15" s="62"/>
      <c r="G15" s="62"/>
      <c r="H15" s="62"/>
      <c r="I15" s="61"/>
      <c r="J15" s="26">
        <v>0</v>
      </c>
      <c r="K15" s="64"/>
      <c r="M15" s="25"/>
    </row>
    <row r="16" spans="1:13" ht="22.5" customHeight="1" x14ac:dyDescent="0.4">
      <c r="A16" s="27"/>
      <c r="C16" s="63"/>
      <c r="D16" s="62" t="s">
        <v>122</v>
      </c>
      <c r="E16" s="62"/>
      <c r="F16" s="62"/>
      <c r="G16" s="62"/>
      <c r="H16" s="62"/>
      <c r="I16" s="61"/>
      <c r="J16" s="26">
        <v>0</v>
      </c>
      <c r="K16" s="64"/>
      <c r="M16" s="25"/>
    </row>
    <row r="17" spans="1:13" ht="22.5" customHeight="1" x14ac:dyDescent="0.4">
      <c r="A17" s="27"/>
      <c r="C17" s="63"/>
      <c r="D17" s="62" t="s">
        <v>121</v>
      </c>
      <c r="E17" s="62"/>
      <c r="F17" s="62"/>
      <c r="G17" s="62"/>
      <c r="H17" s="62"/>
      <c r="I17" s="61"/>
      <c r="J17" s="26">
        <v>0</v>
      </c>
      <c r="K17" s="64"/>
      <c r="M17" s="25"/>
    </row>
    <row r="18" spans="1:13" ht="22.5" customHeight="1" x14ac:dyDescent="0.4">
      <c r="A18" s="27"/>
      <c r="C18" s="63"/>
      <c r="D18" s="62" t="s">
        <v>120</v>
      </c>
      <c r="E18" s="62"/>
      <c r="F18" s="62"/>
      <c r="G18" s="62"/>
      <c r="H18" s="62"/>
      <c r="I18" s="61"/>
      <c r="J18" s="26">
        <v>0</v>
      </c>
      <c r="K18" s="64"/>
      <c r="M18" s="25"/>
    </row>
    <row r="19" spans="1:13" ht="22.5" customHeight="1" x14ac:dyDescent="0.4">
      <c r="A19" s="27"/>
      <c r="C19" s="63"/>
      <c r="D19" s="62" t="s">
        <v>119</v>
      </c>
      <c r="E19" s="62"/>
      <c r="F19" s="62"/>
      <c r="G19" s="62"/>
      <c r="H19" s="62"/>
      <c r="I19" s="61"/>
      <c r="J19" s="26">
        <v>0</v>
      </c>
      <c r="K19" s="64"/>
      <c r="M19" s="25"/>
    </row>
    <row r="20" spans="1:13" ht="22.5" customHeight="1" x14ac:dyDescent="0.4">
      <c r="A20" s="27"/>
      <c r="C20" s="63"/>
      <c r="D20" s="62" t="s">
        <v>118</v>
      </c>
      <c r="E20" s="62"/>
      <c r="F20" s="62"/>
      <c r="G20" s="62"/>
      <c r="H20" s="62"/>
      <c r="I20" s="61"/>
      <c r="J20" s="26">
        <v>0</v>
      </c>
      <c r="K20" s="64"/>
      <c r="M20" s="25"/>
    </row>
    <row r="21" spans="1:13" ht="22.5" customHeight="1" x14ac:dyDescent="0.4">
      <c r="A21" s="27"/>
      <c r="C21" s="63"/>
      <c r="D21" s="62"/>
      <c r="E21" s="62" t="s">
        <v>117</v>
      </c>
      <c r="F21" s="62"/>
      <c r="G21" s="62"/>
      <c r="H21" s="62"/>
      <c r="I21" s="61"/>
      <c r="J21" s="26">
        <v>0</v>
      </c>
      <c r="K21" s="64"/>
      <c r="M21" s="25"/>
    </row>
    <row r="22" spans="1:13" ht="22.5" customHeight="1" x14ac:dyDescent="0.4">
      <c r="A22" s="27"/>
      <c r="C22" s="63"/>
      <c r="D22" s="62"/>
      <c r="E22" s="62" t="s">
        <v>116</v>
      </c>
      <c r="F22" s="62"/>
      <c r="G22" s="62"/>
      <c r="H22" s="62"/>
      <c r="I22" s="61"/>
      <c r="J22" s="26">
        <v>0</v>
      </c>
      <c r="K22" s="64"/>
      <c r="M22" s="25"/>
    </row>
    <row r="23" spans="1:13" ht="22.5" customHeight="1" x14ac:dyDescent="0.4">
      <c r="A23" s="27"/>
      <c r="C23" s="63"/>
      <c r="D23" s="62"/>
      <c r="E23" s="62" t="s">
        <v>115</v>
      </c>
      <c r="F23" s="62"/>
      <c r="G23" s="62"/>
      <c r="H23" s="62"/>
      <c r="I23" s="61"/>
      <c r="J23" s="26">
        <v>0</v>
      </c>
      <c r="K23" s="64"/>
      <c r="M23" s="25"/>
    </row>
    <row r="24" spans="1:13" ht="22.5" customHeight="1" x14ac:dyDescent="0.4">
      <c r="A24" s="27"/>
      <c r="C24" s="63"/>
      <c r="D24" s="62" t="s">
        <v>114</v>
      </c>
      <c r="E24" s="62"/>
      <c r="F24" s="62"/>
      <c r="G24" s="62"/>
      <c r="H24" s="62"/>
      <c r="I24" s="61"/>
      <c r="J24" s="26">
        <v>0</v>
      </c>
      <c r="K24" s="64"/>
      <c r="M24" s="25"/>
    </row>
    <row r="25" spans="1:13" ht="22.5" customHeight="1" x14ac:dyDescent="0.4">
      <c r="A25" s="27"/>
      <c r="C25" s="63"/>
      <c r="D25" s="62" t="s">
        <v>113</v>
      </c>
      <c r="E25" s="62"/>
      <c r="F25" s="62"/>
      <c r="G25" s="62"/>
      <c r="H25" s="62"/>
      <c r="I25" s="61"/>
      <c r="J25" s="26">
        <v>0</v>
      </c>
      <c r="K25" s="64"/>
      <c r="M25" s="25"/>
    </row>
    <row r="26" spans="1:13" ht="22.5" customHeight="1" x14ac:dyDescent="0.4">
      <c r="A26" s="27"/>
      <c r="C26" s="69"/>
      <c r="D26" s="68" t="s">
        <v>112</v>
      </c>
      <c r="E26" s="68"/>
      <c r="F26" s="68"/>
      <c r="G26" s="68"/>
      <c r="H26" s="68"/>
      <c r="I26" s="67"/>
      <c r="J26" s="66">
        <v>0</v>
      </c>
      <c r="K26" s="65"/>
      <c r="M26" s="25"/>
    </row>
    <row r="27" spans="1:13" ht="22.5" customHeight="1" x14ac:dyDescent="0.4">
      <c r="A27" s="27"/>
      <c r="C27" s="63" t="s">
        <v>111</v>
      </c>
      <c r="D27" s="62"/>
      <c r="E27" s="62"/>
      <c r="F27" s="62"/>
      <c r="G27" s="62"/>
      <c r="H27" s="62"/>
      <c r="I27" s="61"/>
      <c r="J27" s="29">
        <v>17369378</v>
      </c>
      <c r="K27" s="64"/>
      <c r="M27" s="25"/>
    </row>
    <row r="28" spans="1:13" ht="22.5" customHeight="1" x14ac:dyDescent="0.4">
      <c r="A28" s="27"/>
      <c r="C28" s="63"/>
      <c r="D28" s="62" t="s">
        <v>110</v>
      </c>
      <c r="E28" s="62"/>
      <c r="F28" s="62"/>
      <c r="G28" s="62"/>
      <c r="H28" s="62"/>
      <c r="I28" s="61"/>
      <c r="J28" s="26">
        <v>17369378</v>
      </c>
      <c r="K28" s="60"/>
      <c r="M28" s="25"/>
    </row>
    <row r="29" spans="1:13" ht="22.5" customHeight="1" x14ac:dyDescent="0.4">
      <c r="A29" s="27"/>
      <c r="C29" s="63"/>
      <c r="D29" s="62" t="s">
        <v>109</v>
      </c>
      <c r="E29" s="62"/>
      <c r="F29" s="62"/>
      <c r="G29" s="62"/>
      <c r="H29" s="62"/>
      <c r="I29" s="61"/>
      <c r="J29" s="26">
        <v>0</v>
      </c>
      <c r="K29" s="60"/>
      <c r="M29" s="25"/>
    </row>
    <row r="30" spans="1:13" ht="22.5" customHeight="1" x14ac:dyDescent="0.4">
      <c r="A30" s="27"/>
      <c r="C30" s="63"/>
      <c r="D30" s="62" t="s">
        <v>108</v>
      </c>
      <c r="E30" s="62"/>
      <c r="F30" s="62"/>
      <c r="G30" s="62"/>
      <c r="H30" s="62"/>
      <c r="I30" s="61"/>
      <c r="J30" s="26">
        <v>0</v>
      </c>
      <c r="K30" s="60"/>
      <c r="M30" s="25"/>
    </row>
    <row r="31" spans="1:13" ht="22.5" customHeight="1" x14ac:dyDescent="0.4">
      <c r="A31" s="27"/>
      <c r="C31" s="63"/>
      <c r="D31" s="62" t="s">
        <v>107</v>
      </c>
      <c r="E31" s="62"/>
      <c r="F31" s="62"/>
      <c r="G31" s="62"/>
      <c r="H31" s="62"/>
      <c r="I31" s="61"/>
      <c r="J31" s="26">
        <v>0</v>
      </c>
      <c r="K31" s="60"/>
      <c r="M31" s="25"/>
    </row>
    <row r="32" spans="1:13" ht="22.5" customHeight="1" x14ac:dyDescent="0.4">
      <c r="A32" s="27"/>
      <c r="C32" s="63"/>
      <c r="D32" s="62" t="s">
        <v>106</v>
      </c>
      <c r="E32" s="62"/>
      <c r="F32" s="62"/>
      <c r="G32" s="62"/>
      <c r="H32" s="62"/>
      <c r="I32" s="61"/>
      <c r="J32" s="26">
        <v>0</v>
      </c>
      <c r="K32" s="60"/>
      <c r="M32" s="25"/>
    </row>
    <row r="33" spans="1:13" ht="22.5" customHeight="1" x14ac:dyDescent="0.4">
      <c r="A33" s="27"/>
      <c r="C33" s="63"/>
      <c r="D33" s="62" t="s">
        <v>105</v>
      </c>
      <c r="E33" s="62"/>
      <c r="F33" s="62"/>
      <c r="G33" s="62"/>
      <c r="H33" s="62"/>
      <c r="I33" s="61"/>
      <c r="J33" s="26">
        <v>0</v>
      </c>
      <c r="K33" s="60"/>
      <c r="M33" s="25"/>
    </row>
    <row r="34" spans="1:13" ht="22.5" customHeight="1" x14ac:dyDescent="0.4">
      <c r="A34" s="27"/>
      <c r="C34" s="63"/>
      <c r="D34" s="62" t="s">
        <v>104</v>
      </c>
      <c r="E34" s="62"/>
      <c r="F34" s="62"/>
      <c r="G34" s="62"/>
      <c r="H34" s="62"/>
      <c r="I34" s="61"/>
      <c r="J34" s="26">
        <v>0</v>
      </c>
      <c r="K34" s="60"/>
      <c r="M34" s="25"/>
    </row>
    <row r="35" spans="1:13" ht="22.5" customHeight="1" x14ac:dyDescent="0.4">
      <c r="A35" s="27"/>
      <c r="C35" s="63"/>
      <c r="D35" s="62" t="s">
        <v>85</v>
      </c>
      <c r="E35" s="62"/>
      <c r="F35" s="62"/>
      <c r="G35" s="62"/>
      <c r="H35" s="62"/>
      <c r="I35" s="61"/>
      <c r="J35" s="26">
        <v>0</v>
      </c>
      <c r="K35" s="60"/>
      <c r="M35" s="25"/>
    </row>
    <row r="36" spans="1:13" ht="22.5" customHeight="1" x14ac:dyDescent="0.4">
      <c r="A36" s="27"/>
      <c r="C36" s="63"/>
      <c r="D36" s="62" t="s">
        <v>103</v>
      </c>
      <c r="E36" s="62"/>
      <c r="F36" s="62"/>
      <c r="G36" s="62"/>
      <c r="H36" s="62"/>
      <c r="I36" s="61"/>
      <c r="J36" s="26">
        <v>0</v>
      </c>
      <c r="K36" s="60"/>
      <c r="M36" s="25"/>
    </row>
    <row r="37" spans="1:13" ht="22.5" customHeight="1" x14ac:dyDescent="0.4">
      <c r="A37" s="27"/>
      <c r="C37" s="63"/>
      <c r="D37" s="62" t="s">
        <v>102</v>
      </c>
      <c r="E37" s="62"/>
      <c r="F37" s="62"/>
      <c r="G37" s="62"/>
      <c r="H37" s="62"/>
      <c r="I37" s="61"/>
      <c r="J37" s="26">
        <v>0</v>
      </c>
      <c r="K37" s="60"/>
      <c r="M37" s="25"/>
    </row>
    <row r="38" spans="1:13" ht="22.5" customHeight="1" x14ac:dyDescent="0.4">
      <c r="A38" s="27"/>
      <c r="C38" s="63"/>
      <c r="D38" s="62" t="s">
        <v>101</v>
      </c>
      <c r="E38" s="62"/>
      <c r="F38" s="62"/>
      <c r="G38" s="62"/>
      <c r="H38" s="62"/>
      <c r="I38" s="61"/>
      <c r="J38" s="26">
        <v>0</v>
      </c>
      <c r="K38" s="60"/>
      <c r="M38" s="25"/>
    </row>
    <row r="39" spans="1:13" ht="22.5" customHeight="1" x14ac:dyDescent="0.4">
      <c r="A39" s="27"/>
      <c r="C39" s="63"/>
      <c r="D39" s="62" t="s">
        <v>100</v>
      </c>
      <c r="E39" s="62"/>
      <c r="F39" s="62"/>
      <c r="G39" s="62"/>
      <c r="H39" s="62"/>
      <c r="I39" s="61"/>
      <c r="J39" s="26">
        <v>0</v>
      </c>
      <c r="K39" s="60"/>
      <c r="M39" s="25"/>
    </row>
    <row r="40" spans="1:13" ht="22.5" customHeight="1" x14ac:dyDescent="0.4">
      <c r="A40" s="27"/>
      <c r="C40" s="63"/>
      <c r="D40" s="62" t="s">
        <v>99</v>
      </c>
      <c r="E40" s="62"/>
      <c r="F40" s="62"/>
      <c r="G40" s="62"/>
      <c r="H40" s="62"/>
      <c r="I40" s="61"/>
      <c r="J40" s="26">
        <v>0</v>
      </c>
      <c r="K40" s="60"/>
      <c r="M40" s="25"/>
    </row>
    <row r="41" spans="1:13" ht="22.5" customHeight="1" x14ac:dyDescent="0.4">
      <c r="A41" s="27"/>
      <c r="C41" s="63"/>
      <c r="D41" s="62" t="s">
        <v>98</v>
      </c>
      <c r="E41" s="62"/>
      <c r="F41" s="62"/>
      <c r="G41" s="62"/>
      <c r="H41" s="62"/>
      <c r="I41" s="61"/>
      <c r="J41" s="26">
        <v>0</v>
      </c>
      <c r="K41" s="60"/>
      <c r="M41" s="25"/>
    </row>
    <row r="42" spans="1:13" ht="22.5" customHeight="1" x14ac:dyDescent="0.4">
      <c r="A42" s="27"/>
      <c r="C42" s="63"/>
      <c r="D42" s="62"/>
      <c r="E42" s="62" t="s">
        <v>97</v>
      </c>
      <c r="F42" s="62"/>
      <c r="G42" s="62"/>
      <c r="H42" s="62"/>
      <c r="I42" s="61"/>
      <c r="J42" s="26">
        <v>0</v>
      </c>
      <c r="K42" s="60"/>
      <c r="M42" s="25"/>
    </row>
    <row r="43" spans="1:13" ht="22.5" customHeight="1" x14ac:dyDescent="0.4">
      <c r="A43" s="27"/>
      <c r="C43" s="63"/>
      <c r="D43" s="62"/>
      <c r="E43" s="62" t="s">
        <v>96</v>
      </c>
      <c r="F43" s="62"/>
      <c r="G43" s="62"/>
      <c r="H43" s="62"/>
      <c r="I43" s="61"/>
      <c r="J43" s="26">
        <v>0</v>
      </c>
      <c r="K43" s="60"/>
      <c r="M43" s="25"/>
    </row>
    <row r="44" spans="1:13" ht="22.5" customHeight="1" x14ac:dyDescent="0.4">
      <c r="A44" s="27"/>
      <c r="C44" s="63"/>
      <c r="D44" s="62"/>
      <c r="E44" s="62" t="s">
        <v>95</v>
      </c>
      <c r="F44" s="62"/>
      <c r="G44" s="62"/>
      <c r="H44" s="62"/>
      <c r="I44" s="61"/>
      <c r="J44" s="26">
        <v>0</v>
      </c>
      <c r="K44" s="60"/>
      <c r="M44" s="25"/>
    </row>
    <row r="45" spans="1:13" ht="22.5" customHeight="1" x14ac:dyDescent="0.4">
      <c r="A45" s="27"/>
      <c r="C45" s="63"/>
      <c r="D45" s="62" t="s">
        <v>94</v>
      </c>
      <c r="E45" s="62"/>
      <c r="F45" s="62"/>
      <c r="G45" s="62"/>
      <c r="H45" s="62"/>
      <c r="I45" s="61"/>
      <c r="J45" s="26">
        <v>0</v>
      </c>
      <c r="K45" s="60"/>
      <c r="M45" s="25"/>
    </row>
    <row r="46" spans="1:13" ht="22.5" customHeight="1" x14ac:dyDescent="0.4">
      <c r="A46" s="27"/>
      <c r="C46" s="56" t="s">
        <v>93</v>
      </c>
      <c r="D46" s="59"/>
      <c r="E46" s="59"/>
      <c r="F46" s="59"/>
      <c r="G46" s="59"/>
      <c r="H46" s="59"/>
      <c r="I46" s="58"/>
      <c r="J46" s="20">
        <v>-17369378</v>
      </c>
      <c r="K46" s="57"/>
      <c r="M46" s="25"/>
    </row>
    <row r="47" spans="1:13" ht="22.5" customHeight="1" x14ac:dyDescent="0.4">
      <c r="A47" s="27"/>
      <c r="C47" s="63" t="s">
        <v>92</v>
      </c>
      <c r="D47" s="62"/>
      <c r="E47" s="62"/>
      <c r="F47" s="62"/>
      <c r="G47" s="62"/>
      <c r="H47" s="62"/>
      <c r="I47" s="61"/>
      <c r="J47" s="29">
        <v>0</v>
      </c>
      <c r="K47" s="60"/>
      <c r="M47" s="25"/>
    </row>
    <row r="48" spans="1:13" ht="22.5" customHeight="1" x14ac:dyDescent="0.4">
      <c r="A48" s="27"/>
      <c r="C48" s="63"/>
      <c r="D48" s="62" t="s">
        <v>91</v>
      </c>
      <c r="E48" s="62"/>
      <c r="F48" s="62"/>
      <c r="G48" s="62"/>
      <c r="H48" s="62"/>
      <c r="I48" s="61"/>
      <c r="J48" s="26">
        <v>0</v>
      </c>
      <c r="K48" s="60"/>
      <c r="M48" s="25"/>
    </row>
    <row r="49" spans="1:13" ht="22.5" customHeight="1" x14ac:dyDescent="0.4">
      <c r="A49" s="27"/>
      <c r="C49" s="63"/>
      <c r="D49" s="62" t="s">
        <v>90</v>
      </c>
      <c r="E49" s="62"/>
      <c r="F49" s="62"/>
      <c r="G49" s="62"/>
      <c r="H49" s="62"/>
      <c r="I49" s="61"/>
      <c r="J49" s="26">
        <v>0</v>
      </c>
      <c r="K49" s="60"/>
      <c r="M49" s="25"/>
    </row>
    <row r="50" spans="1:13" ht="22.5" customHeight="1" x14ac:dyDescent="0.4">
      <c r="A50" s="27"/>
      <c r="C50" s="63"/>
      <c r="D50" s="62" t="s">
        <v>83</v>
      </c>
      <c r="E50" s="62"/>
      <c r="F50" s="62"/>
      <c r="G50" s="62"/>
      <c r="H50" s="62"/>
      <c r="I50" s="61"/>
      <c r="J50" s="26">
        <v>0</v>
      </c>
      <c r="K50" s="60"/>
      <c r="M50" s="25"/>
    </row>
    <row r="51" spans="1:13" ht="22.5" customHeight="1" x14ac:dyDescent="0.4">
      <c r="A51" s="27"/>
      <c r="C51" s="63"/>
      <c r="D51" s="62" t="s">
        <v>89</v>
      </c>
      <c r="E51" s="62"/>
      <c r="F51" s="62"/>
      <c r="G51" s="62"/>
      <c r="H51" s="62"/>
      <c r="I51" s="61"/>
      <c r="J51" s="26">
        <v>0</v>
      </c>
      <c r="K51" s="60"/>
      <c r="M51" s="25"/>
    </row>
    <row r="52" spans="1:13" ht="22.5" customHeight="1" x14ac:dyDescent="0.4">
      <c r="A52" s="27"/>
      <c r="C52" s="63" t="s">
        <v>88</v>
      </c>
      <c r="D52" s="62"/>
      <c r="E52" s="62"/>
      <c r="F52" s="62"/>
      <c r="G52" s="62"/>
      <c r="H52" s="62"/>
      <c r="I52" s="61"/>
      <c r="J52" s="26">
        <v>0</v>
      </c>
      <c r="K52" s="60"/>
      <c r="M52" s="25"/>
    </row>
    <row r="53" spans="1:13" ht="22.5" customHeight="1" x14ac:dyDescent="0.4">
      <c r="A53" s="27"/>
      <c r="C53" s="63"/>
      <c r="D53" s="62" t="s">
        <v>87</v>
      </c>
      <c r="E53" s="62"/>
      <c r="F53" s="62"/>
      <c r="G53" s="62"/>
      <c r="H53" s="62"/>
      <c r="I53" s="61"/>
      <c r="J53" s="26">
        <v>0</v>
      </c>
      <c r="K53" s="60"/>
      <c r="M53" s="25"/>
    </row>
    <row r="54" spans="1:13" ht="22.5" customHeight="1" x14ac:dyDescent="0.4">
      <c r="A54" s="27"/>
      <c r="C54" s="63"/>
      <c r="D54" s="62" t="s">
        <v>86</v>
      </c>
      <c r="E54" s="62"/>
      <c r="F54" s="62"/>
      <c r="G54" s="62"/>
      <c r="H54" s="62"/>
      <c r="I54" s="61"/>
      <c r="J54" s="26">
        <v>0</v>
      </c>
      <c r="K54" s="60"/>
      <c r="M54" s="25"/>
    </row>
    <row r="55" spans="1:13" ht="22.5" customHeight="1" x14ac:dyDescent="0.4">
      <c r="A55" s="27"/>
      <c r="C55" s="63"/>
      <c r="D55" s="62" t="s">
        <v>85</v>
      </c>
      <c r="E55" s="62"/>
      <c r="F55" s="62"/>
      <c r="G55" s="62"/>
      <c r="H55" s="62"/>
      <c r="I55" s="61"/>
      <c r="J55" s="26">
        <v>0</v>
      </c>
      <c r="K55" s="60"/>
      <c r="M55" s="25"/>
    </row>
    <row r="56" spans="1:13" ht="22.5" customHeight="1" x14ac:dyDescent="0.4">
      <c r="A56" s="27"/>
      <c r="C56" s="63"/>
      <c r="D56" s="62" t="s">
        <v>84</v>
      </c>
      <c r="E56" s="62"/>
      <c r="F56" s="62"/>
      <c r="G56" s="62"/>
      <c r="H56" s="62"/>
      <c r="I56" s="61"/>
      <c r="J56" s="26">
        <v>0</v>
      </c>
      <c r="K56" s="60"/>
      <c r="M56" s="25"/>
    </row>
    <row r="57" spans="1:13" ht="22.5" customHeight="1" x14ac:dyDescent="0.4">
      <c r="A57" s="27"/>
      <c r="C57" s="63"/>
      <c r="D57" s="62" t="s">
        <v>83</v>
      </c>
      <c r="E57" s="62"/>
      <c r="F57" s="62"/>
      <c r="G57" s="62"/>
      <c r="H57" s="62"/>
      <c r="I57" s="61"/>
      <c r="J57" s="26">
        <v>0</v>
      </c>
      <c r="K57" s="60"/>
      <c r="M57" s="25"/>
    </row>
    <row r="58" spans="1:13" ht="22.5" customHeight="1" x14ac:dyDescent="0.4">
      <c r="A58" s="27"/>
      <c r="C58" s="63"/>
      <c r="D58" s="62" t="s">
        <v>82</v>
      </c>
      <c r="E58" s="62"/>
      <c r="F58" s="62"/>
      <c r="G58" s="62"/>
      <c r="H58" s="62"/>
      <c r="I58" s="61"/>
      <c r="J58" s="26">
        <v>0</v>
      </c>
      <c r="K58" s="60"/>
      <c r="M58" s="25"/>
    </row>
    <row r="59" spans="1:13" ht="22.5" customHeight="1" x14ac:dyDescent="0.4">
      <c r="A59" s="27"/>
      <c r="C59" s="56" t="s">
        <v>81</v>
      </c>
      <c r="D59" s="59"/>
      <c r="E59" s="59"/>
      <c r="F59" s="59"/>
      <c r="G59" s="59"/>
      <c r="H59" s="59"/>
      <c r="I59" s="58"/>
      <c r="J59" s="20">
        <v>0</v>
      </c>
      <c r="K59" s="57"/>
      <c r="M59" s="25"/>
    </row>
    <row r="60" spans="1:13" ht="22.5" customHeight="1" x14ac:dyDescent="0.4">
      <c r="A60" s="27"/>
      <c r="C60" s="56" t="s">
        <v>80</v>
      </c>
      <c r="D60" s="59"/>
      <c r="E60" s="59"/>
      <c r="F60" s="59"/>
      <c r="G60" s="59"/>
      <c r="H60" s="59"/>
      <c r="I60" s="58"/>
      <c r="J60" s="20">
        <v>17369378</v>
      </c>
      <c r="K60" s="57"/>
      <c r="M60" s="25"/>
    </row>
    <row r="61" spans="1:13" ht="22.5" customHeight="1" x14ac:dyDescent="0.4">
      <c r="A61" s="27"/>
      <c r="C61" s="56" t="s">
        <v>79</v>
      </c>
      <c r="D61" s="21"/>
      <c r="E61" s="21"/>
      <c r="F61" s="21"/>
      <c r="G61" s="21"/>
      <c r="H61" s="21"/>
      <c r="I61" s="21"/>
      <c r="J61" s="31">
        <v>0</v>
      </c>
      <c r="K61" s="30"/>
      <c r="M61" s="25"/>
    </row>
    <row r="62" spans="1:13" ht="22.5" customHeight="1" x14ac:dyDescent="0.4">
      <c r="A62" s="27"/>
      <c r="C62" s="56" t="s">
        <v>78</v>
      </c>
      <c r="D62" s="21"/>
      <c r="E62" s="21"/>
      <c r="F62" s="21"/>
      <c r="G62" s="21"/>
      <c r="H62" s="21"/>
      <c r="I62" s="21"/>
      <c r="J62" s="20">
        <v>0</v>
      </c>
      <c r="K62" s="19"/>
      <c r="L62" s="26"/>
      <c r="M62" s="25"/>
    </row>
    <row r="63" spans="1:13" ht="22.5" customHeight="1" x14ac:dyDescent="0.4">
      <c r="A63" s="27"/>
      <c r="J63" s="26"/>
      <c r="K63" s="26"/>
      <c r="L63" s="26"/>
      <c r="M63" s="25"/>
    </row>
    <row r="64" spans="1:13" ht="22.5" customHeight="1" x14ac:dyDescent="0.4">
      <c r="A64" s="55"/>
      <c r="B64" s="54"/>
      <c r="C64" s="54"/>
      <c r="D64" s="54"/>
      <c r="E64" s="54"/>
      <c r="F64" s="54"/>
      <c r="G64" s="54"/>
      <c r="H64" s="54"/>
      <c r="I64" s="54"/>
      <c r="J64" s="53"/>
      <c r="K64" s="53"/>
      <c r="L64" s="53"/>
      <c r="M64" s="52"/>
    </row>
    <row r="65" spans="10:12" ht="22.5" customHeight="1" x14ac:dyDescent="0.4">
      <c r="J65" s="29"/>
      <c r="K65" s="29"/>
      <c r="L65" s="29"/>
    </row>
    <row r="66" spans="10:12" ht="22.5" customHeight="1" x14ac:dyDescent="0.4">
      <c r="J66" s="29"/>
      <c r="K66" s="29"/>
      <c r="L66" s="29"/>
    </row>
    <row r="67" spans="10:12" ht="22.5" customHeight="1" x14ac:dyDescent="0.4">
      <c r="J67" s="29"/>
      <c r="K67" s="29"/>
      <c r="L67" s="29"/>
    </row>
    <row r="68" spans="10:12" ht="22.5" customHeight="1" x14ac:dyDescent="0.4">
      <c r="J68" s="29"/>
      <c r="K68" s="29"/>
      <c r="L68" s="29"/>
    </row>
    <row r="69" spans="10:12" ht="22.5" customHeight="1" x14ac:dyDescent="0.4">
      <c r="J69" s="29"/>
      <c r="K69" s="29"/>
      <c r="L69" s="29"/>
    </row>
    <row r="70" spans="10:12" ht="22.5" customHeight="1" x14ac:dyDescent="0.4">
      <c r="J70" s="29"/>
      <c r="K70" s="29"/>
      <c r="L70" s="29"/>
    </row>
    <row r="71" spans="10:12" ht="22.5" customHeight="1" x14ac:dyDescent="0.4">
      <c r="J71" s="29"/>
      <c r="K71" s="29"/>
      <c r="L71" s="29"/>
    </row>
    <row r="72" spans="10:12" ht="22.5" customHeight="1" x14ac:dyDescent="0.4">
      <c r="J72" s="29"/>
      <c r="K72" s="29"/>
      <c r="L72" s="29"/>
    </row>
    <row r="73" spans="10:12" ht="22.5" customHeight="1" x14ac:dyDescent="0.4">
      <c r="J73" s="29"/>
      <c r="K73" s="29"/>
      <c r="L73" s="29"/>
    </row>
    <row r="74" spans="10:12" ht="22.5" customHeight="1" x14ac:dyDescent="0.4">
      <c r="J74" s="29"/>
      <c r="K74" s="29"/>
      <c r="L74" s="29"/>
    </row>
    <row r="75" spans="10:12" ht="22.5" customHeight="1" x14ac:dyDescent="0.4">
      <c r="J75" s="29"/>
      <c r="K75" s="29"/>
      <c r="L75" s="29"/>
    </row>
    <row r="76" spans="10:12" ht="22.5" customHeight="1" x14ac:dyDescent="0.4">
      <c r="J76" s="29"/>
      <c r="K76" s="29"/>
      <c r="L76" s="29"/>
    </row>
    <row r="77" spans="10:12" ht="22.5" customHeight="1" x14ac:dyDescent="0.4">
      <c r="J77" s="29"/>
      <c r="K77" s="29"/>
      <c r="L77" s="29"/>
    </row>
    <row r="78" spans="10:12" ht="22.5" customHeight="1" x14ac:dyDescent="0.4">
      <c r="J78" s="29"/>
      <c r="K78" s="29"/>
      <c r="L78" s="29"/>
    </row>
    <row r="79" spans="10:12" ht="22.5" customHeight="1" x14ac:dyDescent="0.4">
      <c r="J79" s="29"/>
      <c r="K79" s="29"/>
      <c r="L79" s="29"/>
    </row>
    <row r="80" spans="10:12" ht="22.5" customHeight="1" x14ac:dyDescent="0.4">
      <c r="J80" s="29"/>
      <c r="K80" s="29"/>
      <c r="L80" s="29"/>
    </row>
    <row r="81" spans="10:12" s="18" customFormat="1" ht="22.5" customHeight="1" x14ac:dyDescent="0.4">
      <c r="J81" s="29"/>
      <c r="K81" s="29"/>
      <c r="L81" s="29"/>
    </row>
    <row r="82" spans="10:12" s="18" customFormat="1" ht="22.5" customHeight="1" x14ac:dyDescent="0.4">
      <c r="J82" s="29"/>
      <c r="K82" s="29"/>
      <c r="L82" s="29"/>
    </row>
    <row r="83" spans="10:12" s="18" customFormat="1" ht="22.5" customHeight="1" x14ac:dyDescent="0.4">
      <c r="J83" s="29"/>
      <c r="K83" s="29"/>
      <c r="L83" s="29"/>
    </row>
    <row r="84" spans="10:12" s="18" customFormat="1" ht="22.5" customHeight="1" x14ac:dyDescent="0.4">
      <c r="J84" s="29"/>
      <c r="K84" s="29"/>
      <c r="L84" s="29"/>
    </row>
    <row r="85" spans="10:12" s="18" customFormat="1" ht="22.5" customHeight="1" x14ac:dyDescent="0.4">
      <c r="J85" s="29"/>
      <c r="K85" s="29"/>
      <c r="L85" s="29"/>
    </row>
    <row r="86" spans="10:12" s="18" customFormat="1" ht="22.5" customHeight="1" x14ac:dyDescent="0.4">
      <c r="J86" s="29"/>
      <c r="K86" s="29"/>
      <c r="L86" s="29"/>
    </row>
    <row r="87" spans="10:12" s="18" customFormat="1" ht="22.5" customHeight="1" x14ac:dyDescent="0.4">
      <c r="J87" s="29"/>
      <c r="K87" s="29"/>
      <c r="L87" s="29"/>
    </row>
    <row r="88" spans="10:12" s="18" customFormat="1" ht="22.5" customHeight="1" x14ac:dyDescent="0.4">
      <c r="J88" s="29"/>
      <c r="K88" s="29"/>
      <c r="L88" s="29"/>
    </row>
    <row r="89" spans="10:12" s="18" customFormat="1" ht="22.5" customHeight="1" x14ac:dyDescent="0.4">
      <c r="J89" s="29"/>
      <c r="K89" s="29"/>
      <c r="L89" s="29"/>
    </row>
    <row r="90" spans="10:12" s="18" customFormat="1" ht="22.5" customHeight="1" x14ac:dyDescent="0.4">
      <c r="J90" s="29"/>
      <c r="K90" s="29"/>
      <c r="L90" s="29"/>
    </row>
    <row r="91" spans="10:12" s="18" customFormat="1" ht="22.5" customHeight="1" x14ac:dyDescent="0.4">
      <c r="J91" s="29"/>
      <c r="K91" s="29"/>
      <c r="L91" s="29"/>
    </row>
    <row r="92" spans="10:12" s="18" customFormat="1" ht="22.5" customHeight="1" x14ac:dyDescent="0.4">
      <c r="J92" s="29"/>
      <c r="K92" s="29"/>
      <c r="L92" s="29"/>
    </row>
    <row r="93" spans="10:12" s="18" customFormat="1" ht="22.5" customHeight="1" x14ac:dyDescent="0.4">
      <c r="J93" s="29"/>
      <c r="K93" s="29"/>
      <c r="L93" s="29"/>
    </row>
    <row r="94" spans="10:12" s="18" customFormat="1" ht="22.5" customHeight="1" x14ac:dyDescent="0.4">
      <c r="J94" s="29"/>
      <c r="K94" s="29"/>
      <c r="L94" s="29"/>
    </row>
    <row r="95" spans="10:12" s="18" customFormat="1" ht="22.5" customHeight="1" x14ac:dyDescent="0.4">
      <c r="J95" s="29"/>
      <c r="K95" s="29"/>
      <c r="L95" s="29"/>
    </row>
    <row r="96" spans="10:12" s="18" customFormat="1" ht="22.5" customHeight="1" x14ac:dyDescent="0.4">
      <c r="J96" s="29"/>
      <c r="K96" s="29"/>
      <c r="L96" s="29"/>
    </row>
    <row r="97" spans="10:12" s="18" customFormat="1" ht="22.5" customHeight="1" x14ac:dyDescent="0.4">
      <c r="J97" s="29"/>
      <c r="K97" s="29"/>
      <c r="L97" s="29"/>
    </row>
    <row r="98" spans="10:12" s="18" customFormat="1" ht="22.5" customHeight="1" x14ac:dyDescent="0.4">
      <c r="J98" s="29"/>
      <c r="K98" s="29"/>
      <c r="L98" s="29"/>
    </row>
    <row r="99" spans="10:12" s="18" customFormat="1" ht="22.5" customHeight="1" x14ac:dyDescent="0.4">
      <c r="J99" s="29"/>
      <c r="K99" s="29"/>
      <c r="L99" s="29"/>
    </row>
    <row r="100" spans="10:12" s="18" customFormat="1" ht="22.5" customHeight="1" x14ac:dyDescent="0.4">
      <c r="J100" s="29"/>
      <c r="K100" s="29"/>
      <c r="L100" s="29"/>
    </row>
    <row r="101" spans="10:12" s="18" customFormat="1" ht="22.5" customHeight="1" x14ac:dyDescent="0.4">
      <c r="J101" s="29"/>
      <c r="K101" s="29"/>
      <c r="L101" s="29"/>
    </row>
    <row r="102" spans="10:12" s="18" customFormat="1" ht="22.5" customHeight="1" x14ac:dyDescent="0.4">
      <c r="J102" s="29"/>
      <c r="K102" s="29"/>
      <c r="L102" s="29"/>
    </row>
    <row r="103" spans="10:12" s="18" customFormat="1" ht="22.5" customHeight="1" x14ac:dyDescent="0.4">
      <c r="J103" s="29"/>
      <c r="K103" s="29"/>
      <c r="L103" s="29"/>
    </row>
    <row r="104" spans="10:12" s="18" customFormat="1" ht="22.5" customHeight="1" x14ac:dyDescent="0.4">
      <c r="J104" s="29"/>
      <c r="K104" s="29"/>
      <c r="L104" s="29"/>
    </row>
    <row r="105" spans="10:12" s="18" customFormat="1" ht="22.5" customHeight="1" x14ac:dyDescent="0.4">
      <c r="J105" s="29"/>
      <c r="K105" s="29"/>
      <c r="L105" s="29"/>
    </row>
    <row r="106" spans="10:12" s="18" customFormat="1" ht="22.5" customHeight="1" x14ac:dyDescent="0.4">
      <c r="J106" s="29"/>
      <c r="K106" s="29"/>
      <c r="L106" s="29"/>
    </row>
    <row r="107" spans="10:12" s="18" customFormat="1" ht="22.5" customHeight="1" x14ac:dyDescent="0.4">
      <c r="J107" s="29"/>
      <c r="K107" s="29"/>
      <c r="L107" s="29"/>
    </row>
    <row r="108" spans="10:12" s="18" customFormat="1" ht="22.5" customHeight="1" x14ac:dyDescent="0.4">
      <c r="J108" s="29"/>
      <c r="K108" s="29"/>
      <c r="L108" s="29"/>
    </row>
    <row r="109" spans="10:12" s="18" customFormat="1" ht="22.5" customHeight="1" x14ac:dyDescent="0.4">
      <c r="J109" s="29"/>
      <c r="K109" s="29"/>
      <c r="L109" s="29"/>
    </row>
    <row r="110" spans="10:12" s="18" customFormat="1" ht="22.5" customHeight="1" x14ac:dyDescent="0.4">
      <c r="J110" s="29"/>
      <c r="K110" s="29"/>
      <c r="L110" s="29"/>
    </row>
    <row r="111" spans="10:12" s="18" customFormat="1" ht="22.5" customHeight="1" x14ac:dyDescent="0.4">
      <c r="J111" s="29"/>
      <c r="K111" s="29"/>
      <c r="L111" s="29"/>
    </row>
    <row r="112" spans="10:12" s="18" customFormat="1" ht="22.5" customHeight="1" x14ac:dyDescent="0.4">
      <c r="J112" s="29"/>
      <c r="K112" s="29"/>
      <c r="L112" s="29"/>
    </row>
    <row r="113" spans="10:12" s="18" customFormat="1" ht="22.5" customHeight="1" x14ac:dyDescent="0.4">
      <c r="J113" s="29"/>
      <c r="K113" s="29"/>
      <c r="L113" s="29"/>
    </row>
    <row r="114" spans="10:12" s="18" customFormat="1" ht="22.5" customHeight="1" x14ac:dyDescent="0.4">
      <c r="J114" s="29"/>
      <c r="K114" s="29"/>
      <c r="L114" s="29"/>
    </row>
    <row r="115" spans="10:12" s="18" customFormat="1" ht="22.5" customHeight="1" x14ac:dyDescent="0.4">
      <c r="J115" s="29"/>
      <c r="K115" s="29"/>
      <c r="L115" s="29"/>
    </row>
    <row r="116" spans="10:12" s="18" customFormat="1" ht="22.5" customHeight="1" x14ac:dyDescent="0.4">
      <c r="J116" s="29"/>
      <c r="K116" s="29"/>
      <c r="L116" s="29"/>
    </row>
    <row r="117" spans="10:12" s="18" customFormat="1" ht="22.5" customHeight="1" x14ac:dyDescent="0.4">
      <c r="J117" s="29"/>
      <c r="K117" s="29"/>
      <c r="L117" s="29"/>
    </row>
    <row r="118" spans="10:12" s="18" customFormat="1" ht="22.5" customHeight="1" x14ac:dyDescent="0.4">
      <c r="J118" s="29"/>
      <c r="K118" s="29"/>
      <c r="L118" s="29"/>
    </row>
    <row r="119" spans="10:12" s="18" customFormat="1" ht="22.5" customHeight="1" x14ac:dyDescent="0.4">
      <c r="J119" s="29"/>
      <c r="K119" s="29"/>
      <c r="L119" s="29"/>
    </row>
    <row r="120" spans="10:12" s="18" customFormat="1" ht="22.5" customHeight="1" x14ac:dyDescent="0.4">
      <c r="J120" s="29"/>
      <c r="K120" s="29"/>
      <c r="L120" s="29"/>
    </row>
    <row r="121" spans="10:12" s="18" customFormat="1" ht="22.5" customHeight="1" x14ac:dyDescent="0.4">
      <c r="J121" s="29"/>
      <c r="K121" s="29"/>
      <c r="L121" s="29"/>
    </row>
    <row r="122" spans="10:12" s="18" customFormat="1" ht="22.5" customHeight="1" x14ac:dyDescent="0.4">
      <c r="J122" s="29"/>
      <c r="K122" s="29"/>
      <c r="L122" s="29"/>
    </row>
    <row r="123" spans="10:12" s="18" customFormat="1" ht="22.5" customHeight="1" x14ac:dyDescent="0.4">
      <c r="J123" s="29"/>
      <c r="K123" s="29"/>
      <c r="L123" s="29"/>
    </row>
    <row r="124" spans="10:12" s="18" customFormat="1" ht="22.5" customHeight="1" x14ac:dyDescent="0.4">
      <c r="J124" s="29"/>
      <c r="K124" s="29"/>
      <c r="L124" s="29"/>
    </row>
    <row r="125" spans="10:12" s="18" customFormat="1" ht="22.5" customHeight="1" x14ac:dyDescent="0.4">
      <c r="J125" s="29"/>
      <c r="K125" s="29"/>
      <c r="L125" s="29"/>
    </row>
    <row r="126" spans="10:12" s="18" customFormat="1" ht="22.5" customHeight="1" x14ac:dyDescent="0.4">
      <c r="J126" s="29"/>
      <c r="K126" s="29"/>
      <c r="L126" s="29"/>
    </row>
    <row r="127" spans="10:12" s="18" customFormat="1" ht="22.5" customHeight="1" x14ac:dyDescent="0.4">
      <c r="J127" s="29"/>
      <c r="K127" s="29"/>
      <c r="L127" s="29"/>
    </row>
    <row r="128" spans="10:12" s="18" customFormat="1" ht="22.5" customHeight="1" x14ac:dyDescent="0.4">
      <c r="J128" s="29"/>
      <c r="K128" s="29"/>
      <c r="L128" s="29"/>
    </row>
    <row r="129" spans="10:12" s="18" customFormat="1" ht="22.5" customHeight="1" x14ac:dyDescent="0.4">
      <c r="J129" s="29"/>
      <c r="K129" s="29"/>
      <c r="L129" s="29"/>
    </row>
    <row r="130" spans="10:12" s="18" customFormat="1" ht="22.5" customHeight="1" x14ac:dyDescent="0.4">
      <c r="J130" s="29"/>
      <c r="K130" s="29"/>
      <c r="L130" s="29"/>
    </row>
    <row r="131" spans="10:12" s="18" customFormat="1" ht="22.5" customHeight="1" x14ac:dyDescent="0.4">
      <c r="J131" s="29"/>
      <c r="K131" s="29"/>
      <c r="L131" s="29"/>
    </row>
    <row r="132" spans="10:12" s="18" customFormat="1" ht="22.5" customHeight="1" x14ac:dyDescent="0.4">
      <c r="J132" s="29"/>
      <c r="K132" s="29"/>
      <c r="L132" s="29"/>
    </row>
    <row r="133" spans="10:12" s="18" customFormat="1" ht="22.5" customHeight="1" x14ac:dyDescent="0.4">
      <c r="J133" s="29"/>
      <c r="K133" s="29"/>
      <c r="L133" s="29"/>
    </row>
    <row r="134" spans="10:12" s="18" customFormat="1" ht="22.5" customHeight="1" x14ac:dyDescent="0.4">
      <c r="J134" s="29"/>
      <c r="K134" s="29"/>
      <c r="L134" s="29"/>
    </row>
    <row r="135" spans="10:12" s="18" customFormat="1" ht="22.5" customHeight="1" x14ac:dyDescent="0.4">
      <c r="J135" s="29"/>
      <c r="K135" s="29"/>
      <c r="L135" s="29"/>
    </row>
    <row r="136" spans="10:12" s="18" customFormat="1" ht="22.5" customHeight="1" x14ac:dyDescent="0.4">
      <c r="J136" s="29"/>
      <c r="K136" s="29"/>
      <c r="L136" s="29"/>
    </row>
    <row r="137" spans="10:12" s="18" customFormat="1" ht="22.5" customHeight="1" x14ac:dyDescent="0.4">
      <c r="J137" s="29"/>
      <c r="K137" s="29"/>
      <c r="L137" s="29"/>
    </row>
    <row r="138" spans="10:12" s="18" customFormat="1" ht="22.5" customHeight="1" x14ac:dyDescent="0.4">
      <c r="J138" s="29"/>
      <c r="K138" s="29"/>
      <c r="L138" s="29"/>
    </row>
    <row r="139" spans="10:12" s="18" customFormat="1" ht="22.5" customHeight="1" x14ac:dyDescent="0.4">
      <c r="J139" s="29"/>
      <c r="K139" s="29"/>
      <c r="L139" s="29"/>
    </row>
    <row r="140" spans="10:12" s="18" customFormat="1" ht="22.5" customHeight="1" x14ac:dyDescent="0.4">
      <c r="J140" s="29"/>
      <c r="K140" s="29"/>
      <c r="L140" s="29"/>
    </row>
    <row r="141" spans="10:12" s="18" customFormat="1" ht="22.5" customHeight="1" x14ac:dyDescent="0.4">
      <c r="J141" s="29"/>
      <c r="K141" s="29"/>
      <c r="L141" s="29"/>
    </row>
    <row r="142" spans="10:12" s="18" customFormat="1" ht="22.5" customHeight="1" x14ac:dyDescent="0.4">
      <c r="J142" s="29"/>
      <c r="K142" s="29"/>
      <c r="L142" s="29"/>
    </row>
    <row r="143" spans="10:12" s="18" customFormat="1" ht="22.5" customHeight="1" x14ac:dyDescent="0.4">
      <c r="J143" s="29"/>
      <c r="K143" s="29"/>
      <c r="L143" s="29"/>
    </row>
    <row r="144" spans="10:12" s="18" customFormat="1" ht="22.5" customHeight="1" x14ac:dyDescent="0.4">
      <c r="J144" s="29"/>
      <c r="K144" s="29"/>
      <c r="L144" s="29"/>
    </row>
    <row r="145" spans="10:12" s="18" customFormat="1" ht="22.5" customHeight="1" x14ac:dyDescent="0.4">
      <c r="J145" s="29"/>
      <c r="K145" s="29"/>
      <c r="L145" s="29"/>
    </row>
    <row r="146" spans="10:12" s="18" customFormat="1" ht="22.5" customHeight="1" x14ac:dyDescent="0.4">
      <c r="J146" s="29"/>
      <c r="K146" s="29"/>
      <c r="L146" s="29"/>
    </row>
    <row r="147" spans="10:12" s="18" customFormat="1" ht="22.5" customHeight="1" x14ac:dyDescent="0.4">
      <c r="J147" s="29"/>
      <c r="K147" s="29"/>
      <c r="L147" s="29"/>
    </row>
    <row r="148" spans="10:12" s="18" customFormat="1" ht="22.5" customHeight="1" x14ac:dyDescent="0.4">
      <c r="J148" s="29"/>
      <c r="K148" s="29"/>
      <c r="L148" s="29"/>
    </row>
    <row r="149" spans="10:12" s="18" customFormat="1" ht="22.5" customHeight="1" x14ac:dyDescent="0.4">
      <c r="J149" s="29"/>
      <c r="K149" s="29"/>
      <c r="L149" s="29"/>
    </row>
    <row r="150" spans="10:12" s="18" customFormat="1" ht="22.5" customHeight="1" x14ac:dyDescent="0.4">
      <c r="J150" s="29"/>
      <c r="K150" s="29"/>
      <c r="L150" s="29"/>
    </row>
    <row r="151" spans="10:12" s="18" customFormat="1" ht="22.5" customHeight="1" x14ac:dyDescent="0.4">
      <c r="J151" s="29"/>
      <c r="K151" s="29"/>
      <c r="L151" s="29"/>
    </row>
    <row r="152" spans="10:12" s="18" customFormat="1" ht="22.5" customHeight="1" x14ac:dyDescent="0.4">
      <c r="J152" s="29"/>
      <c r="K152" s="29"/>
      <c r="L152" s="29"/>
    </row>
    <row r="153" spans="10:12" s="18" customFormat="1" ht="22.5" customHeight="1" x14ac:dyDescent="0.4">
      <c r="J153" s="29"/>
      <c r="K153" s="29"/>
      <c r="L153" s="29"/>
    </row>
    <row r="154" spans="10:12" s="18" customFormat="1" ht="22.5" customHeight="1" x14ac:dyDescent="0.4">
      <c r="J154" s="29"/>
      <c r="K154" s="29"/>
      <c r="L154" s="29"/>
    </row>
    <row r="155" spans="10:12" s="18" customFormat="1" ht="22.5" customHeight="1" x14ac:dyDescent="0.4">
      <c r="J155" s="29"/>
      <c r="K155" s="29"/>
      <c r="L155" s="29"/>
    </row>
    <row r="156" spans="10:12" s="18" customFormat="1" ht="22.5" customHeight="1" x14ac:dyDescent="0.4">
      <c r="J156" s="29"/>
      <c r="K156" s="29"/>
      <c r="L156" s="29"/>
    </row>
    <row r="157" spans="10:12" s="18" customFormat="1" ht="22.5" customHeight="1" x14ac:dyDescent="0.4">
      <c r="J157" s="29"/>
      <c r="K157" s="29"/>
      <c r="L157" s="29"/>
    </row>
    <row r="158" spans="10:12" s="18" customFormat="1" ht="22.5" customHeight="1" x14ac:dyDescent="0.4">
      <c r="J158" s="29"/>
      <c r="K158" s="29"/>
      <c r="L158" s="29"/>
    </row>
    <row r="159" spans="10:12" s="18" customFormat="1" ht="22.5" customHeight="1" x14ac:dyDescent="0.4">
      <c r="J159" s="29"/>
      <c r="K159" s="29"/>
      <c r="L159" s="29"/>
    </row>
    <row r="160" spans="10:12" s="18" customFormat="1" ht="22.5" customHeight="1" x14ac:dyDescent="0.4">
      <c r="J160" s="29"/>
      <c r="K160" s="29"/>
      <c r="L160" s="29"/>
    </row>
    <row r="161" spans="10:12" s="18" customFormat="1" ht="22.5" customHeight="1" x14ac:dyDescent="0.4">
      <c r="J161" s="29"/>
      <c r="K161" s="29"/>
      <c r="L161" s="29"/>
    </row>
    <row r="162" spans="10:12" s="18" customFormat="1" ht="22.5" customHeight="1" x14ac:dyDescent="0.4">
      <c r="J162" s="29"/>
      <c r="K162" s="29"/>
      <c r="L162" s="29"/>
    </row>
    <row r="163" spans="10:12" s="18" customFormat="1" ht="22.5" customHeight="1" x14ac:dyDescent="0.4">
      <c r="J163" s="29"/>
      <c r="K163" s="29"/>
      <c r="L163" s="29"/>
    </row>
    <row r="164" spans="10:12" s="18" customFormat="1" ht="22.5" customHeight="1" x14ac:dyDescent="0.4">
      <c r="J164" s="29"/>
      <c r="K164" s="29"/>
      <c r="L164" s="29"/>
    </row>
    <row r="165" spans="10:12" s="18" customFormat="1" ht="22.5" customHeight="1" x14ac:dyDescent="0.4">
      <c r="J165" s="29"/>
      <c r="K165" s="29"/>
      <c r="L165" s="29"/>
    </row>
    <row r="166" spans="10:12" s="18" customFormat="1" ht="22.5" customHeight="1" x14ac:dyDescent="0.4">
      <c r="J166" s="29"/>
      <c r="K166" s="29"/>
      <c r="L166" s="29"/>
    </row>
    <row r="167" spans="10:12" s="18" customFormat="1" ht="22.5" customHeight="1" x14ac:dyDescent="0.4">
      <c r="J167" s="29"/>
      <c r="K167" s="29"/>
      <c r="L167" s="29"/>
    </row>
    <row r="168" spans="10:12" s="18" customFormat="1" ht="22.5" customHeight="1" x14ac:dyDescent="0.4">
      <c r="J168" s="29"/>
      <c r="K168" s="29"/>
      <c r="L168" s="29"/>
    </row>
    <row r="169" spans="10:12" s="18" customFormat="1" ht="22.5" customHeight="1" x14ac:dyDescent="0.4">
      <c r="J169" s="29"/>
      <c r="K169" s="29"/>
      <c r="L169" s="29"/>
    </row>
    <row r="170" spans="10:12" s="18" customFormat="1" ht="22.5" customHeight="1" x14ac:dyDescent="0.4">
      <c r="J170" s="29"/>
      <c r="K170" s="29"/>
      <c r="L170" s="29"/>
    </row>
    <row r="171" spans="10:12" s="18" customFormat="1" ht="22.5" customHeight="1" x14ac:dyDescent="0.4">
      <c r="J171" s="29"/>
      <c r="K171" s="29"/>
      <c r="L171" s="29"/>
    </row>
    <row r="172" spans="10:12" s="18" customFormat="1" ht="22.5" customHeight="1" x14ac:dyDescent="0.4">
      <c r="J172" s="29"/>
      <c r="K172" s="29"/>
      <c r="L172" s="29"/>
    </row>
    <row r="173" spans="10:12" s="18" customFormat="1" ht="22.5" customHeight="1" x14ac:dyDescent="0.4">
      <c r="J173" s="29"/>
      <c r="K173" s="29"/>
      <c r="L173" s="29"/>
    </row>
    <row r="174" spans="10:12" s="18" customFormat="1" ht="22.5" customHeight="1" x14ac:dyDescent="0.4">
      <c r="J174" s="29"/>
      <c r="K174" s="29"/>
      <c r="L174" s="29"/>
    </row>
    <row r="175" spans="10:12" s="18" customFormat="1" ht="22.5" customHeight="1" x14ac:dyDescent="0.4">
      <c r="J175" s="29"/>
      <c r="K175" s="29"/>
      <c r="L175" s="29"/>
    </row>
    <row r="176" spans="10:12" s="18" customFormat="1" ht="22.5" customHeight="1" x14ac:dyDescent="0.4">
      <c r="J176" s="29"/>
      <c r="K176" s="29"/>
      <c r="L176" s="29"/>
    </row>
    <row r="177" spans="10:12" s="18" customFormat="1" ht="22.5" customHeight="1" x14ac:dyDescent="0.4">
      <c r="J177" s="29"/>
      <c r="K177" s="29"/>
      <c r="L177" s="29"/>
    </row>
    <row r="178" spans="10:12" s="18" customFormat="1" ht="22.5" customHeight="1" x14ac:dyDescent="0.4">
      <c r="J178" s="29"/>
      <c r="K178" s="29"/>
      <c r="L178" s="29"/>
    </row>
    <row r="179" spans="10:12" s="18" customFormat="1" ht="22.5" customHeight="1" x14ac:dyDescent="0.4">
      <c r="J179" s="29"/>
      <c r="K179" s="29"/>
      <c r="L179" s="29"/>
    </row>
    <row r="180" spans="10:12" s="18" customFormat="1" ht="22.5" customHeight="1" x14ac:dyDescent="0.4">
      <c r="J180" s="29"/>
      <c r="K180" s="29"/>
      <c r="L180" s="29"/>
    </row>
    <row r="181" spans="10:12" s="18" customFormat="1" ht="22.5" customHeight="1" x14ac:dyDescent="0.4">
      <c r="J181" s="29"/>
      <c r="K181" s="29"/>
      <c r="L181" s="29"/>
    </row>
    <row r="182" spans="10:12" s="18" customFormat="1" ht="22.5" customHeight="1" x14ac:dyDescent="0.4">
      <c r="J182" s="29"/>
      <c r="K182" s="29"/>
      <c r="L182" s="29"/>
    </row>
    <row r="183" spans="10:12" s="18" customFormat="1" ht="22.5" customHeight="1" x14ac:dyDescent="0.4">
      <c r="J183" s="29"/>
      <c r="K183" s="29"/>
      <c r="L183" s="29"/>
    </row>
    <row r="184" spans="10:12" s="18" customFormat="1" ht="22.5" customHeight="1" x14ac:dyDescent="0.4">
      <c r="J184" s="29"/>
      <c r="K184" s="29"/>
      <c r="L184" s="29"/>
    </row>
    <row r="185" spans="10:12" s="18" customFormat="1" ht="22.5" customHeight="1" x14ac:dyDescent="0.4">
      <c r="J185" s="29"/>
      <c r="K185" s="29"/>
      <c r="L185" s="29"/>
    </row>
    <row r="186" spans="10:12" s="18" customFormat="1" ht="22.5" customHeight="1" x14ac:dyDescent="0.4"/>
    <row r="187" spans="10:12" s="18" customFormat="1" ht="22.5" customHeight="1" x14ac:dyDescent="0.4"/>
    <row r="188" spans="10:12" s="18" customFormat="1" ht="22.5" customHeight="1" x14ac:dyDescent="0.4"/>
    <row r="189" spans="10:12" s="18" customFormat="1" ht="22.5" customHeight="1" x14ac:dyDescent="0.4"/>
    <row r="190" spans="10:12" s="18" customFormat="1" ht="22.5" customHeight="1" x14ac:dyDescent="0.4"/>
    <row r="191" spans="10:12" s="18" customFormat="1" ht="22.5" customHeight="1" x14ac:dyDescent="0.4"/>
    <row r="192" spans="10:12" s="18" customFormat="1" ht="22.5" customHeight="1" x14ac:dyDescent="0.4"/>
  </sheetData>
  <sheetProtection selectLockedCells="1" selectUnlockedCells="1"/>
  <mergeCells count="3">
    <mergeCell ref="B6:L6"/>
    <mergeCell ref="B7:L7"/>
    <mergeCell ref="B9:D9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EFAF1DE-7E71-4299-ADAE-1A1C176DEA35}">
  <dimension ref="A1:N59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7.5" style="75" customWidth="1"/>
    <col min="2" max="2" width="7.625" style="75" customWidth="1"/>
    <col min="3" max="8" width="3.5" style="75" customWidth="1"/>
    <col min="9" max="9" width="8.75" style="75" customWidth="1"/>
    <col min="10" max="12" width="34.625" style="75" customWidth="1"/>
    <col min="13" max="13" width="7.625" style="75" customWidth="1"/>
    <col min="14" max="14" width="7.5" style="75" customWidth="1"/>
    <col min="15" max="16384" width="8.875" style="1"/>
  </cols>
  <sheetData>
    <row r="1" spans="1:14" ht="22.5" customHeight="1" x14ac:dyDescent="0.4">
      <c r="B1" s="90" t="s">
        <v>77</v>
      </c>
      <c r="C1" s="1"/>
    </row>
    <row r="2" spans="1:14" ht="22.5" customHeight="1" x14ac:dyDescent="0.4">
      <c r="B2" s="90" t="s">
        <v>76</v>
      </c>
      <c r="C2" s="1"/>
    </row>
    <row r="3" spans="1:14" ht="22.5" customHeight="1" x14ac:dyDescent="0.4">
      <c r="B3" s="90" t="s">
        <v>75</v>
      </c>
      <c r="C3" s="1"/>
    </row>
    <row r="4" spans="1:14" ht="22.5" customHeight="1" x14ac:dyDescent="0.4">
      <c r="A4" s="89"/>
      <c r="B4" s="88"/>
      <c r="C4" s="88"/>
      <c r="D4" s="88"/>
      <c r="E4" s="88"/>
      <c r="F4" s="88"/>
      <c r="G4" s="88"/>
      <c r="H4" s="88"/>
      <c r="I4" s="88"/>
      <c r="J4" s="88"/>
      <c r="K4" s="88"/>
      <c r="L4" s="88"/>
      <c r="M4" s="88"/>
      <c r="N4" s="87"/>
    </row>
    <row r="5" spans="1:14" ht="22.5" customHeight="1" x14ac:dyDescent="0.4">
      <c r="A5" s="80"/>
      <c r="C5" s="86"/>
      <c r="D5" s="85"/>
      <c r="E5" s="85"/>
      <c r="F5" s="85"/>
      <c r="G5" s="85"/>
      <c r="H5" s="85"/>
      <c r="I5" s="85"/>
      <c r="J5" s="85"/>
      <c r="K5" s="85"/>
      <c r="L5" s="85"/>
      <c r="N5" s="79"/>
    </row>
    <row r="6" spans="1:14" ht="28.5" x14ac:dyDescent="0.4">
      <c r="A6" s="80"/>
      <c r="B6" s="129" t="s">
        <v>138</v>
      </c>
      <c r="C6" s="130"/>
      <c r="D6" s="130"/>
      <c r="E6" s="130"/>
      <c r="F6" s="130"/>
      <c r="G6" s="130"/>
      <c r="H6" s="130"/>
      <c r="I6" s="130"/>
      <c r="J6" s="130"/>
      <c r="K6" s="130"/>
      <c r="L6" s="130"/>
      <c r="M6" s="130"/>
      <c r="N6" s="79"/>
    </row>
    <row r="7" spans="1:14" ht="22.5" customHeight="1" x14ac:dyDescent="0.4">
      <c r="A7" s="80"/>
      <c r="B7" s="131" t="s">
        <v>129</v>
      </c>
      <c r="C7" s="130"/>
      <c r="D7" s="130"/>
      <c r="E7" s="130"/>
      <c r="F7" s="130"/>
      <c r="G7" s="130"/>
      <c r="H7" s="130"/>
      <c r="I7" s="130"/>
      <c r="J7" s="130"/>
      <c r="K7" s="130"/>
      <c r="L7" s="130"/>
      <c r="M7" s="130"/>
      <c r="N7" s="79"/>
    </row>
    <row r="8" spans="1:14" ht="22.5" customHeight="1" x14ac:dyDescent="0.4">
      <c r="A8" s="27"/>
      <c r="B8" s="18"/>
      <c r="C8" s="133"/>
      <c r="D8" s="133"/>
      <c r="E8" s="133"/>
      <c r="F8" s="132" t="s">
        <v>72</v>
      </c>
      <c r="G8" s="133"/>
      <c r="H8" s="133"/>
      <c r="I8" s="84"/>
      <c r="J8" s="18"/>
      <c r="K8" s="18"/>
      <c r="L8" s="18"/>
      <c r="M8" s="18"/>
      <c r="N8" s="25"/>
    </row>
    <row r="9" spans="1:14" ht="22.5" customHeight="1" x14ac:dyDescent="0.4">
      <c r="A9" s="27"/>
      <c r="B9" s="18"/>
      <c r="C9" s="18"/>
      <c r="D9" s="18"/>
      <c r="E9" s="18"/>
      <c r="F9" s="18"/>
      <c r="G9" s="18"/>
      <c r="H9" s="18"/>
      <c r="I9" s="18"/>
      <c r="J9" s="18"/>
      <c r="K9" s="18"/>
      <c r="L9" s="18"/>
      <c r="M9" s="18"/>
      <c r="N9" s="25"/>
    </row>
    <row r="10" spans="1:14" ht="22.5" customHeight="1" x14ac:dyDescent="0.4">
      <c r="A10" s="27"/>
      <c r="B10" s="18"/>
      <c r="C10" s="128"/>
      <c r="D10" s="128"/>
      <c r="E10" s="128"/>
      <c r="F10" s="18"/>
      <c r="G10" s="83"/>
      <c r="H10" s="18"/>
      <c r="I10" s="18"/>
      <c r="J10" s="18"/>
      <c r="K10" s="18"/>
      <c r="L10" s="42" t="s">
        <v>71</v>
      </c>
      <c r="M10" s="18"/>
      <c r="N10" s="25"/>
    </row>
    <row r="11" spans="1:14" ht="22.5" customHeight="1" x14ac:dyDescent="0.4">
      <c r="A11" s="27"/>
      <c r="B11" s="18"/>
      <c r="C11" s="134" t="s">
        <v>137</v>
      </c>
      <c r="D11" s="134"/>
      <c r="E11" s="134"/>
      <c r="F11" s="134"/>
      <c r="G11" s="134"/>
      <c r="H11" s="134"/>
      <c r="I11" s="134"/>
      <c r="J11" s="82" t="s">
        <v>136</v>
      </c>
      <c r="K11" s="82" t="s">
        <v>135</v>
      </c>
      <c r="L11" s="82" t="s">
        <v>134</v>
      </c>
      <c r="M11" s="18"/>
      <c r="N11" s="25"/>
    </row>
    <row r="12" spans="1:14" ht="22.5" customHeight="1" x14ac:dyDescent="0.4">
      <c r="A12" s="27"/>
      <c r="B12" s="18"/>
      <c r="C12" s="134" t="s">
        <v>133</v>
      </c>
      <c r="D12" s="134"/>
      <c r="E12" s="134"/>
      <c r="F12" s="134"/>
      <c r="G12" s="134"/>
      <c r="H12" s="134"/>
      <c r="I12" s="134"/>
      <c r="J12" s="81">
        <v>0</v>
      </c>
      <c r="K12" s="81">
        <v>0</v>
      </c>
      <c r="L12" s="81">
        <v>0</v>
      </c>
      <c r="M12" s="18"/>
      <c r="N12" s="25"/>
    </row>
    <row r="13" spans="1:14" ht="22.5" customHeight="1" x14ac:dyDescent="0.4">
      <c r="A13" s="27"/>
      <c r="B13" s="18"/>
      <c r="C13" s="134" t="s">
        <v>132</v>
      </c>
      <c r="D13" s="134"/>
      <c r="E13" s="134"/>
      <c r="F13" s="134"/>
      <c r="G13" s="134"/>
      <c r="H13" s="134"/>
      <c r="I13" s="134"/>
      <c r="J13" s="81">
        <v>0</v>
      </c>
      <c r="K13" s="81">
        <v>0</v>
      </c>
      <c r="L13" s="81">
        <v>0</v>
      </c>
      <c r="M13" s="18"/>
      <c r="N13" s="25"/>
    </row>
    <row r="14" spans="1:14" ht="22.5" customHeight="1" x14ac:dyDescent="0.4">
      <c r="A14" s="27"/>
      <c r="B14" s="18"/>
      <c r="C14" s="134" t="s">
        <v>131</v>
      </c>
      <c r="D14" s="134"/>
      <c r="E14" s="134"/>
      <c r="F14" s="134"/>
      <c r="G14" s="134"/>
      <c r="H14" s="134"/>
      <c r="I14" s="134"/>
      <c r="J14" s="81">
        <v>0</v>
      </c>
      <c r="K14" s="81">
        <v>0</v>
      </c>
      <c r="L14" s="81">
        <v>0</v>
      </c>
      <c r="M14" s="18"/>
      <c r="N14" s="25"/>
    </row>
    <row r="15" spans="1:14" ht="18.75" x14ac:dyDescent="0.4">
      <c r="A15" s="27"/>
      <c r="B15" s="18"/>
      <c r="C15" s="18"/>
      <c r="D15" s="18"/>
      <c r="E15" s="18"/>
      <c r="F15" s="18"/>
      <c r="G15" s="18"/>
      <c r="H15" s="18"/>
      <c r="I15" s="18"/>
      <c r="J15" s="18"/>
      <c r="K15" s="18"/>
      <c r="L15" s="18"/>
      <c r="M15" s="18"/>
      <c r="N15" s="25"/>
    </row>
    <row r="16" spans="1:14" ht="22.5" customHeight="1" x14ac:dyDescent="0.4">
      <c r="A16" s="27"/>
      <c r="B16" s="18"/>
      <c r="C16" s="18"/>
      <c r="D16" s="18"/>
      <c r="E16" s="18"/>
      <c r="F16" s="18"/>
      <c r="G16" s="18"/>
      <c r="H16" s="18"/>
      <c r="I16" s="18"/>
      <c r="J16" s="18"/>
      <c r="K16" s="18"/>
      <c r="L16" s="18"/>
      <c r="M16" s="18"/>
      <c r="N16" s="25"/>
    </row>
    <row r="17" spans="1:14" ht="22.5" customHeight="1" x14ac:dyDescent="0.4">
      <c r="A17" s="27"/>
      <c r="B17" s="18"/>
      <c r="C17" s="18"/>
      <c r="D17" s="18"/>
      <c r="E17" s="18"/>
      <c r="F17" s="18"/>
      <c r="G17" s="18"/>
      <c r="H17" s="18"/>
      <c r="I17" s="18"/>
      <c r="J17" s="18"/>
      <c r="K17" s="18"/>
      <c r="L17" s="18"/>
      <c r="M17" s="18"/>
      <c r="N17" s="25"/>
    </row>
    <row r="18" spans="1:14" ht="22.5" customHeight="1" x14ac:dyDescent="0.4">
      <c r="A18" s="27"/>
      <c r="B18" s="18"/>
      <c r="C18" s="18"/>
      <c r="D18" s="18"/>
      <c r="E18" s="18"/>
      <c r="F18" s="18"/>
      <c r="G18" s="18"/>
      <c r="H18" s="18"/>
      <c r="I18" s="18"/>
      <c r="J18" s="18"/>
      <c r="K18" s="18"/>
      <c r="L18" s="18"/>
      <c r="M18" s="18"/>
      <c r="N18" s="25"/>
    </row>
    <row r="19" spans="1:14" ht="22.5" customHeight="1" x14ac:dyDescent="0.4">
      <c r="A19" s="27"/>
      <c r="B19" s="18"/>
      <c r="C19" s="18"/>
      <c r="D19" s="18"/>
      <c r="E19" s="18"/>
      <c r="F19" s="18"/>
      <c r="G19" s="18"/>
      <c r="H19" s="18"/>
      <c r="I19" s="18"/>
      <c r="J19" s="18"/>
      <c r="K19" s="18"/>
      <c r="L19" s="18"/>
      <c r="M19" s="18"/>
      <c r="N19" s="25"/>
    </row>
    <row r="20" spans="1:14" ht="50.1" customHeight="1" x14ac:dyDescent="0.4">
      <c r="A20" s="27"/>
      <c r="B20" s="18"/>
      <c r="C20" s="18"/>
      <c r="D20" s="18"/>
      <c r="E20" s="18"/>
      <c r="F20" s="18"/>
      <c r="G20" s="18"/>
      <c r="H20" s="18"/>
      <c r="I20" s="18"/>
      <c r="J20" s="18"/>
      <c r="K20" s="18"/>
      <c r="L20" s="18"/>
      <c r="M20" s="18"/>
      <c r="N20" s="25"/>
    </row>
    <row r="21" spans="1:14" ht="50.1" customHeight="1" x14ac:dyDescent="0.4">
      <c r="A21" s="80"/>
      <c r="N21" s="79"/>
    </row>
    <row r="22" spans="1:14" ht="50.1" customHeight="1" x14ac:dyDescent="0.4">
      <c r="A22" s="80"/>
      <c r="N22" s="79"/>
    </row>
    <row r="23" spans="1:14" ht="50.1" customHeight="1" x14ac:dyDescent="0.4">
      <c r="A23" s="80"/>
      <c r="N23" s="79"/>
    </row>
    <row r="24" spans="1:14" ht="22.5" customHeight="1" x14ac:dyDescent="0.4">
      <c r="A24" s="80"/>
      <c r="N24" s="79"/>
    </row>
    <row r="25" spans="1:14" ht="22.5" customHeight="1" x14ac:dyDescent="0.4">
      <c r="A25" s="80"/>
      <c r="N25" s="79"/>
    </row>
    <row r="26" spans="1:14" ht="22.5" customHeight="1" x14ac:dyDescent="0.4">
      <c r="A26" s="80"/>
      <c r="N26" s="79"/>
    </row>
    <row r="27" spans="1:14" ht="22.5" customHeight="1" x14ac:dyDescent="0.4">
      <c r="A27" s="80"/>
      <c r="N27" s="79"/>
    </row>
    <row r="28" spans="1:14" ht="22.5" customHeight="1" x14ac:dyDescent="0.4">
      <c r="A28" s="80"/>
      <c r="N28" s="79"/>
    </row>
    <row r="29" spans="1:14" ht="22.5" customHeight="1" x14ac:dyDescent="0.4">
      <c r="A29" s="80"/>
      <c r="N29" s="79"/>
    </row>
    <row r="30" spans="1:14" ht="22.5" customHeight="1" x14ac:dyDescent="0.4">
      <c r="A30" s="80"/>
      <c r="N30" s="79"/>
    </row>
    <row r="31" spans="1:14" ht="22.5" customHeight="1" x14ac:dyDescent="0.4">
      <c r="A31" s="80"/>
      <c r="N31" s="79"/>
    </row>
    <row r="32" spans="1:14" ht="22.5" customHeight="1" x14ac:dyDescent="0.4">
      <c r="A32" s="80"/>
      <c r="N32" s="79"/>
    </row>
    <row r="33" spans="1:14" ht="22.5" customHeight="1" x14ac:dyDescent="0.4">
      <c r="A33" s="80"/>
      <c r="N33" s="79"/>
    </row>
    <row r="34" spans="1:14" ht="22.5" customHeight="1" x14ac:dyDescent="0.4">
      <c r="A34" s="80"/>
      <c r="N34" s="79"/>
    </row>
    <row r="35" spans="1:14" ht="22.5" customHeight="1" x14ac:dyDescent="0.4">
      <c r="A35" s="80"/>
      <c r="N35" s="79"/>
    </row>
    <row r="36" spans="1:14" ht="22.5" customHeight="1" x14ac:dyDescent="0.4">
      <c r="A36" s="80"/>
      <c r="N36" s="79"/>
    </row>
    <row r="37" spans="1:14" ht="22.5" customHeight="1" x14ac:dyDescent="0.4">
      <c r="A37" s="80"/>
      <c r="N37" s="79"/>
    </row>
    <row r="38" spans="1:14" ht="22.5" customHeight="1" x14ac:dyDescent="0.4">
      <c r="A38" s="80"/>
      <c r="N38" s="79"/>
    </row>
    <row r="39" spans="1:14" ht="22.5" customHeight="1" x14ac:dyDescent="0.4">
      <c r="A39" s="80"/>
      <c r="N39" s="79"/>
    </row>
    <row r="40" spans="1:14" ht="22.5" customHeight="1" x14ac:dyDescent="0.4">
      <c r="A40" s="80"/>
      <c r="N40" s="79"/>
    </row>
    <row r="41" spans="1:14" ht="22.5" customHeight="1" x14ac:dyDescent="0.4">
      <c r="A41" s="80"/>
      <c r="N41" s="79"/>
    </row>
    <row r="42" spans="1:14" ht="22.5" customHeight="1" x14ac:dyDescent="0.4">
      <c r="A42" s="80"/>
      <c r="N42" s="79"/>
    </row>
    <row r="43" spans="1:14" ht="22.5" customHeight="1" x14ac:dyDescent="0.4">
      <c r="A43" s="80"/>
      <c r="N43" s="79"/>
    </row>
    <row r="44" spans="1:14" ht="22.5" customHeight="1" x14ac:dyDescent="0.4">
      <c r="A44" s="80"/>
      <c r="N44" s="79"/>
    </row>
    <row r="45" spans="1:14" ht="22.5" customHeight="1" x14ac:dyDescent="0.4">
      <c r="A45" s="80"/>
      <c r="N45" s="79"/>
    </row>
    <row r="46" spans="1:14" ht="22.5" customHeight="1" x14ac:dyDescent="0.4">
      <c r="A46" s="80"/>
      <c r="N46" s="79"/>
    </row>
    <row r="47" spans="1:14" ht="22.5" customHeight="1" x14ac:dyDescent="0.4">
      <c r="A47" s="80"/>
      <c r="N47" s="79"/>
    </row>
    <row r="48" spans="1:14" ht="22.5" customHeight="1" x14ac:dyDescent="0.4">
      <c r="A48" s="80"/>
      <c r="N48" s="79"/>
    </row>
    <row r="49" spans="1:14" ht="22.5" customHeight="1" x14ac:dyDescent="0.4">
      <c r="A49" s="80"/>
      <c r="N49" s="79"/>
    </row>
    <row r="50" spans="1:14" ht="22.5" customHeight="1" x14ac:dyDescent="0.4">
      <c r="A50" s="80"/>
      <c r="N50" s="79"/>
    </row>
    <row r="51" spans="1:14" ht="22.5" customHeight="1" x14ac:dyDescent="0.4">
      <c r="A51" s="80"/>
      <c r="N51" s="79"/>
    </row>
    <row r="52" spans="1:14" ht="22.5" customHeight="1" x14ac:dyDescent="0.4">
      <c r="A52" s="80"/>
      <c r="N52" s="79"/>
    </row>
    <row r="53" spans="1:14" ht="22.5" customHeight="1" x14ac:dyDescent="0.4">
      <c r="A53" s="80"/>
      <c r="N53" s="79"/>
    </row>
    <row r="54" spans="1:14" ht="22.5" customHeight="1" x14ac:dyDescent="0.4">
      <c r="A54" s="80"/>
      <c r="N54" s="79"/>
    </row>
    <row r="55" spans="1:14" ht="22.5" customHeight="1" x14ac:dyDescent="0.4">
      <c r="A55" s="80"/>
      <c r="N55" s="79"/>
    </row>
    <row r="56" spans="1:14" ht="22.5" customHeight="1" x14ac:dyDescent="0.4">
      <c r="A56" s="80"/>
      <c r="N56" s="79"/>
    </row>
    <row r="57" spans="1:14" ht="22.5" customHeight="1" x14ac:dyDescent="0.4">
      <c r="A57" s="80"/>
      <c r="N57" s="79"/>
    </row>
    <row r="58" spans="1:14" ht="22.5" customHeight="1" x14ac:dyDescent="0.4">
      <c r="A58" s="80"/>
      <c r="N58" s="79"/>
    </row>
    <row r="59" spans="1:14" ht="22.5" customHeight="1" x14ac:dyDescent="0.4">
      <c r="A59" s="78"/>
      <c r="B59" s="77"/>
      <c r="C59" s="77"/>
      <c r="D59" s="77"/>
      <c r="E59" s="77"/>
      <c r="F59" s="77"/>
      <c r="G59" s="77"/>
      <c r="H59" s="77"/>
      <c r="I59" s="77"/>
      <c r="J59" s="77"/>
      <c r="K59" s="77"/>
      <c r="L59" s="77"/>
      <c r="M59" s="77"/>
      <c r="N59" s="76"/>
    </row>
  </sheetData>
  <sheetProtection selectLockedCells="1" selectUnlockedCells="1"/>
  <mergeCells count="9">
    <mergeCell ref="C10:E10"/>
    <mergeCell ref="C11:I11"/>
    <mergeCell ref="C12:I12"/>
    <mergeCell ref="C13:I13"/>
    <mergeCell ref="C14:I14"/>
    <mergeCell ref="F8:H8"/>
    <mergeCell ref="C8:E8"/>
    <mergeCell ref="B6:M6"/>
    <mergeCell ref="B7:M7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DB1C21C-7519-4BBF-8096-37C363ABFDB1}">
  <dimension ref="A1:U194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3.625" style="1" customWidth="1"/>
    <col min="2" max="7" width="1.875" style="1" customWidth="1"/>
    <col min="8" max="8" width="36.625" style="1" customWidth="1"/>
    <col min="9" max="9" width="33.62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3.625" style="1" customWidth="1"/>
    <col min="20" max="20" width="1.125" style="1" customWidth="1"/>
    <col min="21" max="21" width="3.625" style="1" customWidth="1"/>
    <col min="22" max="16384" width="8.875" style="1"/>
  </cols>
  <sheetData>
    <row r="1" spans="1:21" ht="22.5" customHeight="1" x14ac:dyDescent="0.4">
      <c r="B1" s="90" t="s">
        <v>77</v>
      </c>
    </row>
    <row r="2" spans="1:21" ht="22.5" customHeight="1" x14ac:dyDescent="0.4">
      <c r="B2" s="90" t="s">
        <v>76</v>
      </c>
    </row>
    <row r="3" spans="1:21" ht="22.5" customHeight="1" x14ac:dyDescent="0.4">
      <c r="B3" s="90" t="s">
        <v>75</v>
      </c>
    </row>
    <row r="4" spans="1:21" ht="22.5" customHeight="1" x14ac:dyDescent="0.4">
      <c r="A4" s="104"/>
      <c r="B4" s="13"/>
      <c r="C4" s="13"/>
      <c r="D4" s="13"/>
      <c r="E4" s="13"/>
      <c r="F4" s="13"/>
      <c r="G4" s="13"/>
      <c r="H4" s="13"/>
      <c r="I4" s="13"/>
      <c r="J4" s="13"/>
      <c r="K4" s="13"/>
      <c r="L4" s="13"/>
      <c r="M4" s="13"/>
      <c r="N4" s="13"/>
      <c r="O4" s="13"/>
      <c r="P4" s="13"/>
      <c r="Q4" s="13"/>
      <c r="R4" s="13"/>
      <c r="S4" s="13"/>
      <c r="T4" s="13"/>
      <c r="U4" s="49"/>
    </row>
    <row r="5" spans="1:21" ht="22.5" customHeight="1" x14ac:dyDescent="0.2">
      <c r="A5" s="17"/>
      <c r="C5" s="103"/>
      <c r="D5" s="103"/>
      <c r="E5" s="103"/>
      <c r="F5" s="103"/>
      <c r="G5" s="103"/>
      <c r="H5" s="103"/>
      <c r="I5" s="103"/>
      <c r="J5" s="103"/>
      <c r="K5" s="103"/>
      <c r="L5" s="103"/>
      <c r="M5" s="103"/>
      <c r="N5" s="103"/>
      <c r="O5" s="103"/>
      <c r="P5" s="103"/>
      <c r="Q5" s="103"/>
      <c r="R5" s="103"/>
      <c r="S5" s="103"/>
      <c r="T5" s="103"/>
      <c r="U5" s="15"/>
    </row>
    <row r="6" spans="1:21" ht="28.5" x14ac:dyDescent="0.3">
      <c r="A6" s="17"/>
      <c r="B6" s="136" t="s">
        <v>201</v>
      </c>
      <c r="C6" s="136"/>
      <c r="D6" s="136"/>
      <c r="E6" s="136"/>
      <c r="F6" s="136"/>
      <c r="G6" s="136"/>
      <c r="H6" s="136"/>
      <c r="I6" s="136"/>
      <c r="J6" s="136"/>
      <c r="K6" s="136"/>
      <c r="L6" s="136"/>
      <c r="M6" s="136"/>
      <c r="N6" s="136"/>
      <c r="O6" s="136"/>
      <c r="P6" s="136"/>
      <c r="Q6" s="136"/>
      <c r="R6" s="136"/>
      <c r="S6" s="136"/>
      <c r="T6" s="102"/>
      <c r="U6" s="15"/>
    </row>
    <row r="7" spans="1:21" ht="22.5" customHeight="1" x14ac:dyDescent="0.4">
      <c r="A7" s="17"/>
      <c r="B7" s="137" t="s">
        <v>129</v>
      </c>
      <c r="C7" s="137"/>
      <c r="D7" s="137"/>
      <c r="E7" s="137"/>
      <c r="F7" s="137"/>
      <c r="G7" s="137"/>
      <c r="H7" s="137"/>
      <c r="I7" s="137"/>
      <c r="J7" s="137"/>
      <c r="K7" s="137"/>
      <c r="L7" s="137"/>
      <c r="M7" s="137"/>
      <c r="N7" s="137"/>
      <c r="O7" s="137"/>
      <c r="P7" s="137"/>
      <c r="Q7" s="137"/>
      <c r="R7" s="137"/>
      <c r="S7" s="137"/>
      <c r="T7" s="101"/>
      <c r="U7" s="15"/>
    </row>
    <row r="8" spans="1:21" ht="22.5" customHeight="1" x14ac:dyDescent="0.4">
      <c r="A8" s="17"/>
      <c r="B8" s="98"/>
      <c r="C8" s="98"/>
      <c r="D8" s="98"/>
      <c r="E8" s="98"/>
      <c r="F8" s="98"/>
      <c r="G8" s="98"/>
      <c r="H8" s="98"/>
      <c r="I8" s="98"/>
      <c r="J8" s="98"/>
      <c r="K8" s="98"/>
      <c r="L8" s="135"/>
      <c r="M8" s="135"/>
      <c r="N8" s="135"/>
      <c r="O8" s="100"/>
      <c r="P8" s="100"/>
      <c r="Q8" s="100"/>
      <c r="R8" s="99"/>
      <c r="S8" s="98"/>
      <c r="T8" s="98"/>
      <c r="U8" s="15"/>
    </row>
    <row r="9" spans="1:21" ht="22.5" customHeight="1" x14ac:dyDescent="0.4">
      <c r="A9" s="17"/>
      <c r="B9" s="123"/>
      <c r="C9" s="123"/>
      <c r="D9" s="123"/>
      <c r="E9" s="97"/>
      <c r="F9" s="97"/>
      <c r="G9" s="97"/>
      <c r="I9" s="42"/>
      <c r="J9" s="42" t="s">
        <v>71</v>
      </c>
      <c r="L9" s="93"/>
      <c r="M9" s="93"/>
      <c r="N9" s="93"/>
      <c r="O9" s="93"/>
      <c r="P9" s="93"/>
      <c r="Q9" s="93"/>
      <c r="R9" s="93"/>
      <c r="S9" s="42"/>
      <c r="T9" s="42"/>
      <c r="U9" s="15"/>
    </row>
    <row r="10" spans="1:21" ht="22.5" customHeight="1" x14ac:dyDescent="0.4">
      <c r="A10" s="17"/>
      <c r="B10" s="39" t="s">
        <v>200</v>
      </c>
      <c r="C10" s="36"/>
      <c r="D10" s="36"/>
      <c r="E10" s="36"/>
      <c r="F10" s="36"/>
      <c r="G10" s="36"/>
      <c r="H10" s="36"/>
      <c r="I10" s="35"/>
      <c r="J10" s="34"/>
      <c r="K10" s="18"/>
      <c r="L10" s="39"/>
      <c r="M10" s="36" t="s">
        <v>199</v>
      </c>
      <c r="N10" s="36"/>
      <c r="O10" s="36"/>
      <c r="P10" s="36"/>
      <c r="Q10" s="36"/>
      <c r="R10" s="36"/>
      <c r="S10" s="35">
        <v>0</v>
      </c>
      <c r="T10" s="34"/>
      <c r="U10" s="15"/>
    </row>
    <row r="11" spans="1:21" ht="22.5" customHeight="1" x14ac:dyDescent="0.4">
      <c r="A11" s="17"/>
      <c r="B11" s="27"/>
      <c r="C11" s="18" t="s">
        <v>198</v>
      </c>
      <c r="D11" s="18"/>
      <c r="E11" s="18"/>
      <c r="F11" s="18"/>
      <c r="G11" s="18"/>
      <c r="H11" s="18"/>
      <c r="I11" s="26">
        <v>0</v>
      </c>
      <c r="J11" s="32"/>
      <c r="K11" s="18"/>
      <c r="L11" s="27"/>
      <c r="M11" s="18"/>
      <c r="N11" s="18" t="s">
        <v>197</v>
      </c>
      <c r="O11" s="18"/>
      <c r="P11" s="18"/>
      <c r="Q11" s="18"/>
      <c r="R11" s="18"/>
      <c r="S11" s="26">
        <v>0</v>
      </c>
      <c r="T11" s="32"/>
      <c r="U11" s="15"/>
    </row>
    <row r="12" spans="1:21" ht="22.5" customHeight="1" x14ac:dyDescent="0.4">
      <c r="A12" s="17"/>
      <c r="B12" s="27"/>
      <c r="C12" s="18"/>
      <c r="D12" s="18" t="s">
        <v>196</v>
      </c>
      <c r="E12" s="18"/>
      <c r="F12" s="18"/>
      <c r="G12" s="18"/>
      <c r="H12" s="18"/>
      <c r="I12" s="26">
        <v>0</v>
      </c>
      <c r="J12" s="32"/>
      <c r="K12" s="18"/>
      <c r="L12" s="27"/>
      <c r="M12" s="18"/>
      <c r="N12" s="18" t="s">
        <v>195</v>
      </c>
      <c r="O12" s="18"/>
      <c r="P12" s="18"/>
      <c r="Q12" s="18"/>
      <c r="R12" s="18"/>
      <c r="S12" s="26">
        <v>0</v>
      </c>
      <c r="T12" s="32"/>
      <c r="U12" s="15"/>
    </row>
    <row r="13" spans="1:21" ht="22.5" customHeight="1" x14ac:dyDescent="0.4">
      <c r="A13" s="17"/>
      <c r="B13" s="27"/>
      <c r="C13" s="18"/>
      <c r="D13" s="18" t="s">
        <v>194</v>
      </c>
      <c r="E13" s="18"/>
      <c r="F13" s="18"/>
      <c r="G13" s="18"/>
      <c r="H13" s="18"/>
      <c r="I13" s="26">
        <v>0</v>
      </c>
      <c r="J13" s="32"/>
      <c r="K13" s="18"/>
      <c r="L13" s="27"/>
      <c r="M13" s="18"/>
      <c r="N13" s="18"/>
      <c r="O13" s="18" t="s">
        <v>193</v>
      </c>
      <c r="P13" s="18"/>
      <c r="Q13" s="18"/>
      <c r="R13" s="18"/>
      <c r="S13" s="26">
        <v>0</v>
      </c>
      <c r="T13" s="32"/>
      <c r="U13" s="15"/>
    </row>
    <row r="14" spans="1:21" ht="22.5" customHeight="1" x14ac:dyDescent="0.4">
      <c r="A14" s="17"/>
      <c r="B14" s="27"/>
      <c r="C14" s="18"/>
      <c r="D14" s="18" t="s">
        <v>192</v>
      </c>
      <c r="E14" s="18"/>
      <c r="F14" s="18"/>
      <c r="G14" s="18"/>
      <c r="H14" s="18"/>
      <c r="I14" s="26">
        <v>0</v>
      </c>
      <c r="J14" s="32"/>
      <c r="K14" s="18"/>
      <c r="L14" s="27"/>
      <c r="M14" s="18"/>
      <c r="N14" s="18"/>
      <c r="O14" s="18" t="s">
        <v>191</v>
      </c>
      <c r="P14" s="18"/>
      <c r="Q14" s="18"/>
      <c r="R14" s="18"/>
      <c r="S14" s="26">
        <v>0</v>
      </c>
      <c r="T14" s="32"/>
      <c r="U14" s="15"/>
    </row>
    <row r="15" spans="1:21" ht="18.75" x14ac:dyDescent="0.4">
      <c r="A15" s="17"/>
      <c r="B15" s="27"/>
      <c r="C15" s="18"/>
      <c r="D15" s="18" t="s">
        <v>190</v>
      </c>
      <c r="E15" s="18"/>
      <c r="F15" s="18"/>
      <c r="G15" s="18"/>
      <c r="H15" s="18"/>
      <c r="I15" s="26">
        <v>0</v>
      </c>
      <c r="J15" s="32"/>
      <c r="K15" s="18"/>
      <c r="L15" s="27"/>
      <c r="M15" s="18"/>
      <c r="N15" s="18" t="s">
        <v>189</v>
      </c>
      <c r="O15" s="18"/>
      <c r="P15" s="18"/>
      <c r="Q15" s="18"/>
      <c r="R15" s="18"/>
      <c r="S15" s="26">
        <v>0</v>
      </c>
      <c r="T15" s="32"/>
      <c r="U15" s="15"/>
    </row>
    <row r="16" spans="1:21" ht="22.5" customHeight="1" x14ac:dyDescent="0.4">
      <c r="A16" s="17"/>
      <c r="B16" s="27"/>
      <c r="C16" s="18"/>
      <c r="D16" s="18" t="s">
        <v>188</v>
      </c>
      <c r="E16" s="18"/>
      <c r="F16" s="18"/>
      <c r="G16" s="18"/>
      <c r="H16" s="18"/>
      <c r="I16" s="26">
        <v>0</v>
      </c>
      <c r="J16" s="32"/>
      <c r="K16" s="18"/>
      <c r="L16" s="27"/>
      <c r="M16" s="18"/>
      <c r="N16" s="18" t="s">
        <v>187</v>
      </c>
      <c r="O16" s="18"/>
      <c r="P16" s="18"/>
      <c r="Q16" s="18"/>
      <c r="R16" s="18"/>
      <c r="S16" s="26">
        <v>0</v>
      </c>
      <c r="T16" s="32"/>
      <c r="U16" s="15"/>
    </row>
    <row r="17" spans="1:21" ht="22.5" customHeight="1" x14ac:dyDescent="0.4">
      <c r="A17" s="17"/>
      <c r="B17" s="27"/>
      <c r="C17" s="18"/>
      <c r="D17" s="18" t="s">
        <v>186</v>
      </c>
      <c r="E17" s="18"/>
      <c r="F17" s="18"/>
      <c r="G17" s="18"/>
      <c r="H17" s="18"/>
      <c r="I17" s="26">
        <v>0</v>
      </c>
      <c r="J17" s="32"/>
      <c r="K17" s="18"/>
      <c r="L17" s="27"/>
      <c r="M17" s="18"/>
      <c r="N17" s="18" t="s">
        <v>162</v>
      </c>
      <c r="O17" s="18"/>
      <c r="P17" s="18"/>
      <c r="Q17" s="18"/>
      <c r="R17" s="18"/>
      <c r="S17" s="26">
        <v>0</v>
      </c>
      <c r="T17" s="32"/>
      <c r="U17" s="15"/>
    </row>
    <row r="18" spans="1:21" ht="22.5" customHeight="1" x14ac:dyDescent="0.4">
      <c r="A18" s="17"/>
      <c r="B18" s="27"/>
      <c r="C18" s="18"/>
      <c r="D18" s="18" t="s">
        <v>185</v>
      </c>
      <c r="E18" s="18"/>
      <c r="F18" s="18"/>
      <c r="G18" s="18"/>
      <c r="H18" s="18"/>
      <c r="I18" s="26">
        <v>0</v>
      </c>
      <c r="J18" s="32"/>
      <c r="K18" s="18"/>
      <c r="L18" s="27"/>
      <c r="M18" s="18"/>
      <c r="N18" s="18"/>
      <c r="O18" s="18" t="s">
        <v>161</v>
      </c>
      <c r="P18" s="18"/>
      <c r="Q18" s="18"/>
      <c r="R18" s="18"/>
      <c r="S18" s="26">
        <v>0</v>
      </c>
      <c r="T18" s="32"/>
      <c r="U18" s="15"/>
    </row>
    <row r="19" spans="1:21" ht="22.5" customHeight="1" x14ac:dyDescent="0.4">
      <c r="A19" s="17"/>
      <c r="B19" s="27"/>
      <c r="C19" s="18"/>
      <c r="D19" s="18" t="s">
        <v>184</v>
      </c>
      <c r="E19" s="18"/>
      <c r="F19" s="18"/>
      <c r="G19" s="18"/>
      <c r="H19" s="18"/>
      <c r="I19" s="26">
        <v>0</v>
      </c>
      <c r="J19" s="32"/>
      <c r="K19" s="18"/>
      <c r="L19" s="27"/>
      <c r="M19" s="18"/>
      <c r="N19" s="18"/>
      <c r="O19" s="18" t="s">
        <v>160</v>
      </c>
      <c r="P19" s="18"/>
      <c r="Q19" s="18"/>
      <c r="R19" s="18"/>
      <c r="S19" s="26">
        <v>0</v>
      </c>
      <c r="T19" s="32"/>
      <c r="U19" s="15"/>
    </row>
    <row r="20" spans="1:21" ht="22.5" customHeight="1" x14ac:dyDescent="0.4">
      <c r="A20" s="17"/>
      <c r="B20" s="27"/>
      <c r="C20" s="18"/>
      <c r="D20" s="18" t="s">
        <v>183</v>
      </c>
      <c r="E20" s="18"/>
      <c r="F20" s="18"/>
      <c r="G20" s="18"/>
      <c r="H20" s="18"/>
      <c r="I20" s="26">
        <v>0</v>
      </c>
      <c r="J20" s="32"/>
      <c r="K20" s="18"/>
      <c r="L20" s="27"/>
      <c r="M20" s="18"/>
      <c r="N20" s="18"/>
      <c r="O20" s="18" t="s">
        <v>158</v>
      </c>
      <c r="P20" s="18"/>
      <c r="Q20" s="18"/>
      <c r="R20" s="18"/>
      <c r="S20" s="26">
        <v>0</v>
      </c>
      <c r="T20" s="32"/>
      <c r="U20" s="15"/>
    </row>
    <row r="21" spans="1:21" ht="22.5" customHeight="1" x14ac:dyDescent="0.4">
      <c r="A21" s="17"/>
      <c r="B21" s="27"/>
      <c r="C21" s="18"/>
      <c r="D21" s="18" t="s">
        <v>144</v>
      </c>
      <c r="E21" s="18"/>
      <c r="F21" s="18"/>
      <c r="G21" s="18"/>
      <c r="H21" s="18"/>
      <c r="I21" s="26">
        <v>0</v>
      </c>
      <c r="J21" s="32"/>
      <c r="K21" s="18"/>
      <c r="L21" s="27"/>
      <c r="M21" s="18"/>
      <c r="N21" s="18" t="s">
        <v>182</v>
      </c>
      <c r="O21" s="18"/>
      <c r="P21" s="18"/>
      <c r="Q21" s="18"/>
      <c r="R21" s="18"/>
      <c r="S21" s="26">
        <v>0</v>
      </c>
      <c r="T21" s="32"/>
      <c r="U21" s="15"/>
    </row>
    <row r="22" spans="1:21" ht="22.5" customHeight="1" x14ac:dyDescent="0.4">
      <c r="A22" s="17"/>
      <c r="B22" s="27"/>
      <c r="C22" s="18"/>
      <c r="D22" s="18"/>
      <c r="E22" s="18" t="s">
        <v>143</v>
      </c>
      <c r="F22" s="18"/>
      <c r="G22" s="18"/>
      <c r="H22" s="18"/>
      <c r="I22" s="26">
        <v>0</v>
      </c>
      <c r="J22" s="32"/>
      <c r="K22" s="18"/>
      <c r="L22" s="22" t="s">
        <v>181</v>
      </c>
      <c r="M22" s="21"/>
      <c r="N22" s="21"/>
      <c r="O22" s="21"/>
      <c r="P22" s="21"/>
      <c r="Q22" s="21"/>
      <c r="R22" s="21"/>
      <c r="S22" s="20">
        <v>0</v>
      </c>
      <c r="T22" s="19"/>
      <c r="U22" s="15"/>
    </row>
    <row r="23" spans="1:21" ht="22.5" customHeight="1" x14ac:dyDescent="0.4">
      <c r="A23" s="17"/>
      <c r="B23" s="27"/>
      <c r="C23" s="18"/>
      <c r="D23" s="18"/>
      <c r="E23" s="18" t="s">
        <v>142</v>
      </c>
      <c r="F23" s="18"/>
      <c r="G23" s="18"/>
      <c r="H23" s="18"/>
      <c r="I23" s="26">
        <v>0</v>
      </c>
      <c r="J23" s="32"/>
      <c r="K23" s="18"/>
      <c r="L23" s="96" t="s">
        <v>180</v>
      </c>
      <c r="M23" s="18"/>
      <c r="N23" s="18"/>
      <c r="O23" s="18"/>
      <c r="P23" s="18"/>
      <c r="Q23" s="18"/>
      <c r="R23" s="18"/>
      <c r="S23" s="26"/>
      <c r="T23" s="32"/>
      <c r="U23" s="15"/>
    </row>
    <row r="24" spans="1:21" ht="22.5" customHeight="1" x14ac:dyDescent="0.4">
      <c r="A24" s="17"/>
      <c r="B24" s="27"/>
      <c r="C24" s="18"/>
      <c r="D24" s="18"/>
      <c r="E24" s="18" t="s">
        <v>141</v>
      </c>
      <c r="F24" s="18"/>
      <c r="G24" s="18"/>
      <c r="H24" s="18"/>
      <c r="I24" s="26">
        <v>0</v>
      </c>
      <c r="J24" s="32"/>
      <c r="K24" s="18"/>
      <c r="L24" s="27"/>
      <c r="M24" s="33" t="s">
        <v>179</v>
      </c>
      <c r="N24" s="18"/>
      <c r="O24" s="18"/>
      <c r="P24" s="18"/>
      <c r="Q24" s="18"/>
      <c r="R24" s="18"/>
      <c r="S24" s="26">
        <v>0</v>
      </c>
      <c r="T24" s="32"/>
      <c r="U24" s="15"/>
    </row>
    <row r="25" spans="1:21" ht="22.5" customHeight="1" x14ac:dyDescent="0.4">
      <c r="A25" s="17"/>
      <c r="B25" s="27"/>
      <c r="C25" s="18"/>
      <c r="D25" s="18" t="s">
        <v>114</v>
      </c>
      <c r="E25" s="18"/>
      <c r="F25" s="18"/>
      <c r="G25" s="18"/>
      <c r="H25" s="18"/>
      <c r="I25" s="26">
        <v>0</v>
      </c>
      <c r="J25" s="32"/>
      <c r="K25" s="18"/>
      <c r="L25" s="27"/>
      <c r="M25" s="18"/>
      <c r="N25" s="18" t="s">
        <v>178</v>
      </c>
      <c r="O25" s="18"/>
      <c r="P25" s="18"/>
      <c r="Q25" s="18"/>
      <c r="R25" s="18"/>
      <c r="S25" s="26">
        <v>0</v>
      </c>
      <c r="T25" s="32"/>
      <c r="U25" s="15"/>
    </row>
    <row r="26" spans="1:21" ht="22.5" customHeight="1" x14ac:dyDescent="0.4">
      <c r="A26" s="17"/>
      <c r="B26" s="27"/>
      <c r="C26" s="18"/>
      <c r="D26" s="18" t="s">
        <v>177</v>
      </c>
      <c r="E26" s="18"/>
      <c r="F26" s="18"/>
      <c r="G26" s="18"/>
      <c r="H26" s="18"/>
      <c r="I26" s="26">
        <v>0</v>
      </c>
      <c r="J26" s="32"/>
      <c r="K26" s="18"/>
      <c r="L26" s="27"/>
      <c r="M26" s="18"/>
      <c r="N26" s="18" t="s">
        <v>176</v>
      </c>
      <c r="O26" s="18"/>
      <c r="P26" s="18"/>
      <c r="Q26" s="18"/>
      <c r="R26" s="18"/>
      <c r="S26" s="26">
        <v>0</v>
      </c>
      <c r="T26" s="32"/>
      <c r="U26" s="15"/>
    </row>
    <row r="27" spans="1:21" ht="22.5" customHeight="1" x14ac:dyDescent="0.4">
      <c r="A27" s="17"/>
      <c r="B27" s="27"/>
      <c r="C27" s="18"/>
      <c r="D27" s="18" t="s">
        <v>175</v>
      </c>
      <c r="E27" s="18"/>
      <c r="F27" s="18"/>
      <c r="G27" s="18"/>
      <c r="H27" s="18"/>
      <c r="I27" s="26">
        <v>0</v>
      </c>
      <c r="J27" s="32"/>
      <c r="K27" s="18"/>
      <c r="L27" s="27"/>
      <c r="M27" s="18"/>
      <c r="N27" s="18" t="s">
        <v>144</v>
      </c>
      <c r="O27" s="18"/>
      <c r="P27" s="18"/>
      <c r="Q27" s="18"/>
      <c r="R27" s="18"/>
      <c r="S27" s="26">
        <v>0</v>
      </c>
      <c r="T27" s="32"/>
      <c r="U27" s="15"/>
    </row>
    <row r="28" spans="1:21" ht="22.5" customHeight="1" x14ac:dyDescent="0.4">
      <c r="A28" s="17"/>
      <c r="B28" s="27"/>
      <c r="C28" s="18" t="s">
        <v>174</v>
      </c>
      <c r="D28" s="18"/>
      <c r="E28" s="18"/>
      <c r="F28" s="18"/>
      <c r="G28" s="18"/>
      <c r="H28" s="18"/>
      <c r="I28" s="26">
        <v>17369378</v>
      </c>
      <c r="J28" s="32"/>
      <c r="K28" s="18"/>
      <c r="L28" s="27"/>
      <c r="M28" s="18"/>
      <c r="N28" s="18"/>
      <c r="O28" s="18" t="s">
        <v>143</v>
      </c>
      <c r="P28" s="18"/>
      <c r="Q28" s="18"/>
      <c r="R28" s="18"/>
      <c r="S28" s="26">
        <v>0</v>
      </c>
      <c r="T28" s="32"/>
      <c r="U28" s="15"/>
    </row>
    <row r="29" spans="1:21" ht="22.5" customHeight="1" x14ac:dyDescent="0.4">
      <c r="A29" s="17"/>
      <c r="B29" s="27"/>
      <c r="C29" s="18"/>
      <c r="D29" s="18" t="s">
        <v>173</v>
      </c>
      <c r="E29" s="18"/>
      <c r="F29" s="18"/>
      <c r="G29" s="18"/>
      <c r="H29" s="18"/>
      <c r="I29" s="26">
        <v>17369378</v>
      </c>
      <c r="J29" s="32"/>
      <c r="K29" s="18"/>
      <c r="L29" s="27"/>
      <c r="M29" s="18"/>
      <c r="N29" s="18"/>
      <c r="O29" s="18" t="s">
        <v>142</v>
      </c>
      <c r="P29" s="18"/>
      <c r="Q29" s="18"/>
      <c r="R29" s="18"/>
      <c r="S29" s="26">
        <v>0</v>
      </c>
      <c r="T29" s="32"/>
      <c r="U29" s="15"/>
    </row>
    <row r="30" spans="1:21" ht="22.5" customHeight="1" x14ac:dyDescent="0.4">
      <c r="A30" s="17"/>
      <c r="B30" s="27"/>
      <c r="C30" s="18"/>
      <c r="D30" s="18" t="s">
        <v>172</v>
      </c>
      <c r="E30" s="18"/>
      <c r="F30" s="18"/>
      <c r="G30" s="18"/>
      <c r="H30" s="18"/>
      <c r="I30" s="26">
        <v>0</v>
      </c>
      <c r="J30" s="32"/>
      <c r="K30" s="18"/>
      <c r="L30" s="27"/>
      <c r="M30" s="18"/>
      <c r="N30" s="18"/>
      <c r="O30" s="18" t="s">
        <v>141</v>
      </c>
      <c r="P30" s="18"/>
      <c r="Q30" s="18"/>
      <c r="R30" s="18"/>
      <c r="S30" s="26">
        <v>0</v>
      </c>
      <c r="T30" s="32"/>
      <c r="U30" s="15"/>
    </row>
    <row r="31" spans="1:21" ht="22.5" customHeight="1" x14ac:dyDescent="0.4">
      <c r="A31" s="17"/>
      <c r="B31" s="27"/>
      <c r="C31" s="18"/>
      <c r="D31" s="18" t="s">
        <v>171</v>
      </c>
      <c r="E31" s="18"/>
      <c r="F31" s="18"/>
      <c r="G31" s="18"/>
      <c r="H31" s="18"/>
      <c r="I31" s="26">
        <v>0</v>
      </c>
      <c r="J31" s="32"/>
      <c r="K31" s="18"/>
      <c r="L31" s="27"/>
      <c r="M31" s="18"/>
      <c r="N31" s="18" t="s">
        <v>170</v>
      </c>
      <c r="O31" s="18"/>
      <c r="P31" s="18"/>
      <c r="Q31" s="18"/>
      <c r="R31" s="18"/>
      <c r="S31" s="26">
        <v>0</v>
      </c>
      <c r="T31" s="32"/>
      <c r="U31" s="15"/>
    </row>
    <row r="32" spans="1:21" ht="22.5" customHeight="1" x14ac:dyDescent="0.4">
      <c r="A32" s="17"/>
      <c r="B32" s="27"/>
      <c r="C32" s="18"/>
      <c r="D32" s="18" t="s">
        <v>169</v>
      </c>
      <c r="E32" s="18"/>
      <c r="F32" s="18"/>
      <c r="G32" s="18"/>
      <c r="H32" s="18"/>
      <c r="I32" s="26">
        <v>0</v>
      </c>
      <c r="J32" s="32"/>
      <c r="K32" s="18"/>
      <c r="L32" s="27"/>
      <c r="M32" s="18" t="s">
        <v>168</v>
      </c>
      <c r="N32" s="18"/>
      <c r="O32" s="18"/>
      <c r="P32" s="18"/>
      <c r="Q32" s="18"/>
      <c r="R32" s="18"/>
      <c r="S32" s="26">
        <v>0</v>
      </c>
      <c r="T32" s="32"/>
      <c r="U32" s="15"/>
    </row>
    <row r="33" spans="1:21" ht="22.5" customHeight="1" x14ac:dyDescent="0.4">
      <c r="A33" s="17"/>
      <c r="B33" s="27"/>
      <c r="C33" s="18"/>
      <c r="D33" s="18" t="s">
        <v>167</v>
      </c>
      <c r="E33" s="18"/>
      <c r="F33" s="18"/>
      <c r="G33" s="18"/>
      <c r="H33" s="18"/>
      <c r="I33" s="26">
        <v>0</v>
      </c>
      <c r="J33" s="32"/>
      <c r="K33" s="18"/>
      <c r="L33" s="27"/>
      <c r="M33" s="18"/>
      <c r="N33" s="18" t="s">
        <v>166</v>
      </c>
      <c r="O33" s="18"/>
      <c r="P33" s="18"/>
      <c r="Q33" s="18"/>
      <c r="R33" s="18"/>
      <c r="S33" s="26">
        <v>0</v>
      </c>
      <c r="T33" s="32"/>
      <c r="U33" s="15"/>
    </row>
    <row r="34" spans="1:21" ht="22.5" customHeight="1" x14ac:dyDescent="0.4">
      <c r="A34" s="17"/>
      <c r="B34" s="27"/>
      <c r="C34" s="18"/>
      <c r="D34" s="18" t="s">
        <v>165</v>
      </c>
      <c r="E34" s="18"/>
      <c r="F34" s="18"/>
      <c r="G34" s="18"/>
      <c r="H34" s="18"/>
      <c r="I34" s="26">
        <v>0</v>
      </c>
      <c r="J34" s="32"/>
      <c r="K34" s="18"/>
      <c r="L34" s="27"/>
      <c r="M34" s="18"/>
      <c r="N34" s="18" t="s">
        <v>164</v>
      </c>
      <c r="O34" s="18"/>
      <c r="P34" s="18"/>
      <c r="Q34" s="18"/>
      <c r="R34" s="18"/>
      <c r="S34" s="26">
        <v>0</v>
      </c>
      <c r="T34" s="32"/>
      <c r="U34" s="15"/>
    </row>
    <row r="35" spans="1:21" ht="22.5" customHeight="1" x14ac:dyDescent="0.4">
      <c r="A35" s="17"/>
      <c r="B35" s="27"/>
      <c r="C35" s="18"/>
      <c r="D35" s="18" t="s">
        <v>162</v>
      </c>
      <c r="E35" s="18"/>
      <c r="F35" s="18"/>
      <c r="G35" s="18"/>
      <c r="H35" s="18"/>
      <c r="I35" s="26">
        <v>0</v>
      </c>
      <c r="J35" s="32"/>
      <c r="K35" s="18"/>
      <c r="L35" s="27"/>
      <c r="M35" s="18"/>
      <c r="N35" s="18" t="s">
        <v>163</v>
      </c>
      <c r="O35" s="18"/>
      <c r="P35" s="18"/>
      <c r="Q35" s="18"/>
      <c r="R35" s="18"/>
      <c r="S35" s="26">
        <v>0</v>
      </c>
      <c r="T35" s="32"/>
      <c r="U35" s="15"/>
    </row>
    <row r="36" spans="1:21" ht="22.5" customHeight="1" x14ac:dyDescent="0.4">
      <c r="A36" s="17"/>
      <c r="B36" s="27"/>
      <c r="C36" s="18"/>
      <c r="D36" s="18"/>
      <c r="E36" s="18" t="s">
        <v>161</v>
      </c>
      <c r="F36" s="18"/>
      <c r="G36" s="18"/>
      <c r="H36" s="18"/>
      <c r="I36" s="26">
        <v>0</v>
      </c>
      <c r="J36" s="32"/>
      <c r="K36" s="18"/>
      <c r="L36" s="27"/>
      <c r="M36" s="18"/>
      <c r="N36" s="18" t="s">
        <v>162</v>
      </c>
      <c r="O36" s="18"/>
      <c r="P36" s="18"/>
      <c r="Q36" s="18"/>
      <c r="R36" s="18"/>
      <c r="S36" s="26">
        <v>0</v>
      </c>
      <c r="T36" s="32"/>
      <c r="U36" s="15"/>
    </row>
    <row r="37" spans="1:21" ht="22.5" customHeight="1" x14ac:dyDescent="0.4">
      <c r="A37" s="17"/>
      <c r="B37" s="27"/>
      <c r="C37" s="18"/>
      <c r="D37" s="18"/>
      <c r="E37" s="18" t="s">
        <v>160</v>
      </c>
      <c r="F37" s="18"/>
      <c r="G37" s="18"/>
      <c r="H37" s="18"/>
      <c r="I37" s="26">
        <v>0</v>
      </c>
      <c r="J37" s="32"/>
      <c r="K37" s="18"/>
      <c r="L37" s="27"/>
      <c r="M37" s="18"/>
      <c r="N37" s="18"/>
      <c r="O37" s="18" t="s">
        <v>161</v>
      </c>
      <c r="P37" s="18"/>
      <c r="Q37" s="18"/>
      <c r="R37" s="18"/>
      <c r="S37" s="26">
        <v>0</v>
      </c>
      <c r="T37" s="32"/>
      <c r="U37" s="15"/>
    </row>
    <row r="38" spans="1:21" ht="22.5" customHeight="1" x14ac:dyDescent="0.4">
      <c r="A38" s="17"/>
      <c r="B38" s="27"/>
      <c r="C38" s="18"/>
      <c r="D38" s="18"/>
      <c r="E38" s="18" t="s">
        <v>158</v>
      </c>
      <c r="F38" s="18"/>
      <c r="G38" s="18"/>
      <c r="H38" s="18"/>
      <c r="I38" s="26">
        <v>0</v>
      </c>
      <c r="J38" s="32"/>
      <c r="K38" s="18"/>
      <c r="L38" s="27"/>
      <c r="M38" s="18"/>
      <c r="N38" s="18"/>
      <c r="O38" s="18" t="s">
        <v>160</v>
      </c>
      <c r="P38" s="18"/>
      <c r="Q38" s="18"/>
      <c r="R38" s="18"/>
      <c r="S38" s="26">
        <v>0</v>
      </c>
      <c r="T38" s="32"/>
      <c r="U38" s="15"/>
    </row>
    <row r="39" spans="1:21" ht="22.5" customHeight="1" x14ac:dyDescent="0.4">
      <c r="A39" s="17"/>
      <c r="B39" s="27"/>
      <c r="C39" s="18"/>
      <c r="D39" s="18" t="s">
        <v>159</v>
      </c>
      <c r="E39" s="18"/>
      <c r="F39" s="18"/>
      <c r="G39" s="18"/>
      <c r="H39" s="18"/>
      <c r="I39" s="26">
        <v>0</v>
      </c>
      <c r="J39" s="32"/>
      <c r="K39" s="18"/>
      <c r="L39" s="27"/>
      <c r="M39" s="18"/>
      <c r="N39" s="18"/>
      <c r="O39" s="18" t="s">
        <v>158</v>
      </c>
      <c r="P39" s="18"/>
      <c r="Q39" s="18"/>
      <c r="R39" s="18"/>
      <c r="S39" s="26">
        <v>0</v>
      </c>
      <c r="T39" s="32"/>
      <c r="U39" s="15"/>
    </row>
    <row r="40" spans="1:21" ht="22.5" customHeight="1" x14ac:dyDescent="0.4">
      <c r="A40" s="17"/>
      <c r="B40" s="22" t="s">
        <v>157</v>
      </c>
      <c r="C40" s="21"/>
      <c r="D40" s="21"/>
      <c r="E40" s="21"/>
      <c r="F40" s="21"/>
      <c r="G40" s="21"/>
      <c r="H40" s="21"/>
      <c r="I40" s="20">
        <v>-17369378</v>
      </c>
      <c r="J40" s="19"/>
      <c r="K40" s="18"/>
      <c r="L40" s="27"/>
      <c r="M40" s="18"/>
      <c r="N40" s="18" t="s">
        <v>156</v>
      </c>
      <c r="O40" s="18"/>
      <c r="P40" s="18"/>
      <c r="Q40" s="18"/>
      <c r="R40" s="18"/>
      <c r="S40" s="26">
        <v>0</v>
      </c>
      <c r="T40" s="32"/>
      <c r="U40" s="15"/>
    </row>
    <row r="41" spans="1:21" ht="22.5" customHeight="1" x14ac:dyDescent="0.4">
      <c r="A41" s="17"/>
      <c r="B41" s="27" t="s">
        <v>155</v>
      </c>
      <c r="C41" s="18"/>
      <c r="D41" s="18"/>
      <c r="E41" s="18"/>
      <c r="F41" s="18"/>
      <c r="G41" s="18"/>
      <c r="H41" s="18"/>
      <c r="I41" s="26"/>
      <c r="J41" s="32"/>
      <c r="K41" s="18"/>
      <c r="L41" s="22" t="s">
        <v>154</v>
      </c>
      <c r="M41" s="21"/>
      <c r="N41" s="21"/>
      <c r="O41" s="21"/>
      <c r="P41" s="21"/>
      <c r="Q41" s="21"/>
      <c r="R41" s="21"/>
      <c r="S41" s="20">
        <v>0</v>
      </c>
      <c r="T41" s="19"/>
      <c r="U41" s="15"/>
    </row>
    <row r="42" spans="1:21" ht="22.5" customHeight="1" x14ac:dyDescent="0.4">
      <c r="A42" s="17"/>
      <c r="B42" s="27"/>
      <c r="C42" s="18" t="s">
        <v>153</v>
      </c>
      <c r="D42" s="18"/>
      <c r="E42" s="18"/>
      <c r="F42" s="18"/>
      <c r="G42" s="18"/>
      <c r="H42" s="18"/>
      <c r="I42" s="26">
        <v>0</v>
      </c>
      <c r="J42" s="32"/>
      <c r="K42" s="18"/>
      <c r="L42" s="22" t="s">
        <v>152</v>
      </c>
      <c r="M42" s="21"/>
      <c r="N42" s="21"/>
      <c r="O42" s="21"/>
      <c r="P42" s="21"/>
      <c r="Q42" s="21"/>
      <c r="R42" s="21"/>
      <c r="S42" s="20">
        <v>-17369378</v>
      </c>
      <c r="T42" s="19"/>
      <c r="U42" s="15"/>
    </row>
    <row r="43" spans="1:21" ht="22.5" customHeight="1" x14ac:dyDescent="0.4">
      <c r="A43" s="17"/>
      <c r="B43" s="27"/>
      <c r="C43" s="18"/>
      <c r="D43" s="18" t="s">
        <v>151</v>
      </c>
      <c r="E43" s="18"/>
      <c r="F43" s="18"/>
      <c r="G43" s="18"/>
      <c r="H43" s="18"/>
      <c r="I43" s="26">
        <v>0</v>
      </c>
      <c r="J43" s="32"/>
      <c r="K43" s="18"/>
      <c r="L43" s="22" t="s">
        <v>80</v>
      </c>
      <c r="M43" s="21"/>
      <c r="N43" s="21"/>
      <c r="O43" s="21"/>
      <c r="P43" s="21"/>
      <c r="Q43" s="21"/>
      <c r="R43" s="21"/>
      <c r="S43" s="20">
        <v>17369378</v>
      </c>
      <c r="T43" s="19"/>
      <c r="U43" s="15"/>
    </row>
    <row r="44" spans="1:21" ht="22.5" customHeight="1" x14ac:dyDescent="0.4">
      <c r="A44" s="17"/>
      <c r="B44" s="27"/>
      <c r="C44" s="18"/>
      <c r="D44" s="18" t="s">
        <v>150</v>
      </c>
      <c r="E44" s="18"/>
      <c r="F44" s="18"/>
      <c r="G44" s="18"/>
      <c r="H44" s="18"/>
      <c r="I44" s="26">
        <v>0</v>
      </c>
      <c r="J44" s="32"/>
      <c r="K44" s="18"/>
      <c r="L44" s="22" t="s">
        <v>149</v>
      </c>
      <c r="M44" s="21"/>
      <c r="N44" s="21"/>
      <c r="O44" s="21"/>
      <c r="P44" s="21"/>
      <c r="Q44" s="21"/>
      <c r="R44" s="21"/>
      <c r="S44" s="20">
        <v>0</v>
      </c>
      <c r="T44" s="19"/>
      <c r="U44" s="15"/>
    </row>
    <row r="45" spans="1:21" ht="22.5" customHeight="1" x14ac:dyDescent="0.4">
      <c r="A45" s="17"/>
      <c r="B45" s="27"/>
      <c r="C45" s="18"/>
      <c r="D45" s="18"/>
      <c r="E45" s="18" t="s">
        <v>148</v>
      </c>
      <c r="F45" s="18"/>
      <c r="G45" s="18"/>
      <c r="H45" s="18"/>
      <c r="I45" s="26">
        <v>0</v>
      </c>
      <c r="J45" s="32"/>
      <c r="K45" s="18"/>
      <c r="L45" s="22" t="s">
        <v>147</v>
      </c>
      <c r="M45" s="21"/>
      <c r="N45" s="21"/>
      <c r="O45" s="21"/>
      <c r="P45" s="21"/>
      <c r="Q45" s="21"/>
      <c r="R45" s="21"/>
      <c r="S45" s="20">
        <v>0</v>
      </c>
      <c r="T45" s="19"/>
      <c r="U45" s="15"/>
    </row>
    <row r="46" spans="1:21" ht="22.5" customHeight="1" x14ac:dyDescent="0.4">
      <c r="A46" s="17"/>
      <c r="B46" s="27"/>
      <c r="C46" s="18"/>
      <c r="D46" s="18"/>
      <c r="E46" s="18" t="s">
        <v>146</v>
      </c>
      <c r="F46" s="18"/>
      <c r="G46" s="18"/>
      <c r="H46" s="18"/>
      <c r="I46" s="26">
        <v>0</v>
      </c>
      <c r="J46" s="32"/>
      <c r="K46" s="18"/>
      <c r="L46" s="18"/>
      <c r="M46" s="18"/>
      <c r="N46" s="18"/>
      <c r="O46" s="18"/>
      <c r="P46" s="18"/>
      <c r="Q46" s="18"/>
      <c r="R46" s="18"/>
      <c r="S46" s="26"/>
      <c r="T46" s="26"/>
      <c r="U46" s="15"/>
    </row>
    <row r="47" spans="1:21" ht="22.5" customHeight="1" x14ac:dyDescent="0.4">
      <c r="A47" s="17"/>
      <c r="B47" s="27"/>
      <c r="C47" s="18"/>
      <c r="D47" s="18" t="s">
        <v>145</v>
      </c>
      <c r="E47" s="18"/>
      <c r="F47" s="18"/>
      <c r="G47" s="18"/>
      <c r="H47" s="18"/>
      <c r="I47" s="26">
        <v>0</v>
      </c>
      <c r="J47" s="32"/>
      <c r="K47" s="18"/>
      <c r="L47" s="18"/>
      <c r="M47" s="18"/>
      <c r="N47" s="18"/>
      <c r="O47" s="18"/>
      <c r="P47" s="18"/>
      <c r="Q47" s="18"/>
      <c r="R47" s="18"/>
      <c r="S47" s="26"/>
      <c r="T47" s="26"/>
      <c r="U47" s="15"/>
    </row>
    <row r="48" spans="1:21" ht="22.5" customHeight="1" x14ac:dyDescent="0.4">
      <c r="A48" s="17"/>
      <c r="B48" s="27"/>
      <c r="C48" s="18"/>
      <c r="D48" s="18" t="s">
        <v>144</v>
      </c>
      <c r="E48" s="18"/>
      <c r="F48" s="18"/>
      <c r="G48" s="18"/>
      <c r="H48" s="18"/>
      <c r="I48" s="26">
        <v>0</v>
      </c>
      <c r="J48" s="32"/>
      <c r="K48" s="18"/>
      <c r="L48" s="18"/>
      <c r="M48" s="18"/>
      <c r="N48" s="18"/>
      <c r="O48" s="18"/>
      <c r="P48" s="18"/>
      <c r="Q48" s="18"/>
      <c r="R48" s="18"/>
      <c r="S48" s="26"/>
      <c r="T48" s="26"/>
      <c r="U48" s="15"/>
    </row>
    <row r="49" spans="1:21" ht="22.5" customHeight="1" x14ac:dyDescent="0.4">
      <c r="A49" s="17"/>
      <c r="B49" s="27"/>
      <c r="C49" s="18"/>
      <c r="D49" s="18"/>
      <c r="E49" s="18" t="s">
        <v>143</v>
      </c>
      <c r="F49" s="18"/>
      <c r="G49" s="18"/>
      <c r="H49" s="18"/>
      <c r="I49" s="26">
        <v>0</v>
      </c>
      <c r="J49" s="32"/>
      <c r="K49" s="18"/>
      <c r="L49" s="18"/>
      <c r="M49" s="18"/>
      <c r="N49" s="18"/>
      <c r="O49" s="18"/>
      <c r="P49" s="18"/>
      <c r="Q49" s="18"/>
      <c r="R49" s="18"/>
      <c r="S49" s="26"/>
      <c r="T49" s="26"/>
      <c r="U49" s="15"/>
    </row>
    <row r="50" spans="1:21" ht="22.5" customHeight="1" x14ac:dyDescent="0.4">
      <c r="A50" s="17"/>
      <c r="B50" s="27"/>
      <c r="C50" s="18"/>
      <c r="D50" s="18"/>
      <c r="E50" s="18" t="s">
        <v>142</v>
      </c>
      <c r="F50" s="18"/>
      <c r="G50" s="18"/>
      <c r="H50" s="18"/>
      <c r="I50" s="26">
        <v>0</v>
      </c>
      <c r="J50" s="32"/>
      <c r="K50" s="18"/>
      <c r="L50" s="18"/>
      <c r="M50" s="18"/>
      <c r="N50" s="18"/>
      <c r="O50" s="18"/>
      <c r="P50" s="18"/>
      <c r="Q50" s="18"/>
      <c r="R50" s="18"/>
      <c r="S50" s="26"/>
      <c r="T50" s="26"/>
      <c r="U50" s="15"/>
    </row>
    <row r="51" spans="1:21" ht="22.5" customHeight="1" x14ac:dyDescent="0.4">
      <c r="A51" s="17"/>
      <c r="B51" s="27"/>
      <c r="C51" s="18"/>
      <c r="D51" s="18"/>
      <c r="E51" s="18" t="s">
        <v>141</v>
      </c>
      <c r="F51" s="18"/>
      <c r="G51" s="18"/>
      <c r="H51" s="18"/>
      <c r="I51" s="26">
        <v>0</v>
      </c>
      <c r="J51" s="32"/>
      <c r="K51" s="18"/>
      <c r="L51" s="18"/>
      <c r="M51" s="18"/>
      <c r="N51" s="18"/>
      <c r="O51" s="18"/>
      <c r="P51" s="18"/>
      <c r="Q51" s="18"/>
      <c r="R51" s="18"/>
      <c r="S51" s="26"/>
      <c r="T51" s="26"/>
      <c r="U51" s="15"/>
    </row>
    <row r="52" spans="1:21" ht="22.5" customHeight="1" x14ac:dyDescent="0.4">
      <c r="A52" s="17"/>
      <c r="B52" s="27"/>
      <c r="C52" s="18"/>
      <c r="D52" s="18" t="s">
        <v>140</v>
      </c>
      <c r="E52" s="18"/>
      <c r="F52" s="18"/>
      <c r="G52" s="18"/>
      <c r="H52" s="18"/>
      <c r="I52" s="26">
        <v>0</v>
      </c>
      <c r="J52" s="32"/>
      <c r="K52" s="18"/>
      <c r="L52" s="18"/>
      <c r="M52" s="18"/>
      <c r="N52" s="18"/>
      <c r="O52" s="18"/>
      <c r="P52" s="18"/>
      <c r="Q52" s="18"/>
      <c r="R52" s="18"/>
      <c r="S52" s="26"/>
      <c r="T52" s="26"/>
      <c r="U52" s="15"/>
    </row>
    <row r="53" spans="1:21" ht="22.5" customHeight="1" x14ac:dyDescent="0.4">
      <c r="A53" s="17"/>
      <c r="B53" s="55"/>
      <c r="C53" s="54"/>
      <c r="D53" s="54" t="s">
        <v>139</v>
      </c>
      <c r="E53" s="54"/>
      <c r="F53" s="54"/>
      <c r="G53" s="54"/>
      <c r="H53" s="54"/>
      <c r="I53" s="66">
        <v>0</v>
      </c>
      <c r="J53" s="95"/>
      <c r="K53" s="18"/>
      <c r="L53" s="18"/>
      <c r="M53" s="18"/>
      <c r="N53" s="18"/>
      <c r="O53" s="18"/>
      <c r="P53" s="18"/>
      <c r="Q53" s="18"/>
      <c r="R53" s="18"/>
      <c r="S53" s="26"/>
      <c r="T53" s="26"/>
      <c r="U53" s="15"/>
    </row>
    <row r="54" spans="1:21" ht="22.5" customHeight="1" x14ac:dyDescent="0.4">
      <c r="A54" s="17"/>
      <c r="B54" s="18"/>
      <c r="C54" s="18"/>
      <c r="D54" s="18"/>
      <c r="E54" s="18"/>
      <c r="F54" s="18"/>
      <c r="G54" s="18"/>
      <c r="H54" s="18"/>
      <c r="I54" s="26"/>
      <c r="J54" s="26"/>
      <c r="K54" s="18"/>
      <c r="L54" s="18"/>
      <c r="M54" s="18"/>
      <c r="N54" s="18"/>
      <c r="O54" s="18"/>
      <c r="P54" s="18"/>
      <c r="Q54" s="18"/>
      <c r="R54" s="18"/>
      <c r="S54" s="26"/>
      <c r="T54" s="26"/>
      <c r="U54" s="15"/>
    </row>
    <row r="55" spans="1:21" ht="22.5" customHeight="1" x14ac:dyDescent="0.4">
      <c r="A55" s="17"/>
      <c r="B55" s="18"/>
      <c r="C55" s="18"/>
      <c r="D55" s="18"/>
      <c r="E55" s="18"/>
      <c r="F55" s="18"/>
      <c r="G55" s="18"/>
      <c r="H55" s="18"/>
      <c r="I55" s="26"/>
      <c r="J55" s="26"/>
      <c r="K55" s="18"/>
      <c r="L55" s="18"/>
      <c r="M55" s="18"/>
      <c r="N55" s="18"/>
      <c r="O55" s="18"/>
      <c r="P55" s="18"/>
      <c r="Q55" s="18"/>
      <c r="R55" s="18"/>
      <c r="S55" s="26"/>
      <c r="T55" s="26"/>
      <c r="U55" s="15"/>
    </row>
    <row r="56" spans="1:21" ht="22.5" customHeight="1" x14ac:dyDescent="0.4">
      <c r="A56" s="17"/>
      <c r="B56" s="18"/>
      <c r="C56" s="18"/>
      <c r="D56" s="18"/>
      <c r="E56" s="18"/>
      <c r="F56" s="18"/>
      <c r="G56" s="18"/>
      <c r="H56" s="18"/>
      <c r="I56" s="26"/>
      <c r="J56" s="26"/>
      <c r="K56" s="18"/>
      <c r="L56" s="18"/>
      <c r="M56" s="18"/>
      <c r="N56" s="18"/>
      <c r="O56" s="18"/>
      <c r="P56" s="18"/>
      <c r="Q56" s="18"/>
      <c r="R56" s="18"/>
      <c r="S56" s="26"/>
      <c r="T56" s="26"/>
      <c r="U56" s="15"/>
    </row>
    <row r="57" spans="1:21" ht="22.5" customHeight="1" x14ac:dyDescent="0.4">
      <c r="A57" s="17"/>
      <c r="B57" s="18"/>
      <c r="C57" s="18"/>
      <c r="D57" s="18"/>
      <c r="E57" s="18"/>
      <c r="F57" s="18"/>
      <c r="G57" s="18"/>
      <c r="H57" s="18"/>
      <c r="I57" s="26"/>
      <c r="J57" s="26"/>
      <c r="K57" s="18"/>
      <c r="L57" s="18"/>
      <c r="M57" s="18"/>
      <c r="N57" s="18"/>
      <c r="O57" s="18"/>
      <c r="P57" s="18"/>
      <c r="Q57" s="18"/>
      <c r="R57" s="18"/>
      <c r="S57" s="26"/>
      <c r="T57" s="26"/>
      <c r="U57" s="15"/>
    </row>
    <row r="58" spans="1:21" ht="22.5" customHeight="1" x14ac:dyDescent="0.4">
      <c r="A58" s="17"/>
      <c r="B58" s="18"/>
      <c r="C58" s="18"/>
      <c r="D58" s="18"/>
      <c r="E58" s="18"/>
      <c r="F58" s="18"/>
      <c r="G58" s="18"/>
      <c r="H58" s="18"/>
      <c r="I58" s="26"/>
      <c r="J58" s="26"/>
      <c r="K58" s="18"/>
      <c r="L58" s="18"/>
      <c r="M58" s="18"/>
      <c r="N58" s="18"/>
      <c r="O58" s="18"/>
      <c r="P58" s="18"/>
      <c r="Q58" s="18"/>
      <c r="R58" s="18"/>
      <c r="S58" s="26"/>
      <c r="T58" s="26"/>
      <c r="U58" s="15"/>
    </row>
    <row r="59" spans="1:21" ht="22.5" customHeight="1" x14ac:dyDescent="0.4">
      <c r="A59" s="17"/>
      <c r="B59" s="18"/>
      <c r="C59" s="18"/>
      <c r="D59" s="18"/>
      <c r="E59" s="18"/>
      <c r="F59" s="18"/>
      <c r="G59" s="18"/>
      <c r="H59" s="18"/>
      <c r="I59" s="26"/>
      <c r="J59" s="26"/>
      <c r="K59" s="18"/>
      <c r="L59" s="18"/>
      <c r="M59" s="18"/>
      <c r="N59" s="18"/>
      <c r="O59" s="18"/>
      <c r="P59" s="18"/>
      <c r="Q59" s="18"/>
      <c r="R59" s="18"/>
      <c r="S59" s="26"/>
      <c r="T59" s="26"/>
      <c r="U59" s="15"/>
    </row>
    <row r="60" spans="1:21" ht="22.5" customHeight="1" x14ac:dyDescent="0.4">
      <c r="A60" s="17"/>
      <c r="B60" s="18"/>
      <c r="C60" s="18"/>
      <c r="D60" s="18"/>
      <c r="E60" s="18"/>
      <c r="F60" s="18"/>
      <c r="G60" s="18"/>
      <c r="H60" s="18"/>
      <c r="I60" s="26"/>
      <c r="J60" s="26"/>
      <c r="K60" s="18"/>
      <c r="L60" s="18"/>
      <c r="M60" s="18"/>
      <c r="N60" s="18"/>
      <c r="O60" s="18"/>
      <c r="P60" s="18"/>
      <c r="Q60" s="18"/>
      <c r="R60" s="18"/>
      <c r="S60" s="26"/>
      <c r="T60" s="26"/>
      <c r="U60" s="15"/>
    </row>
    <row r="61" spans="1:21" ht="22.5" customHeight="1" x14ac:dyDescent="0.4">
      <c r="A61" s="17"/>
      <c r="B61" s="18"/>
      <c r="C61" s="18"/>
      <c r="D61" s="18"/>
      <c r="E61" s="18"/>
      <c r="F61" s="18"/>
      <c r="G61" s="18"/>
      <c r="H61" s="18"/>
      <c r="I61" s="26"/>
      <c r="J61" s="26"/>
      <c r="K61" s="18"/>
      <c r="L61" s="18"/>
      <c r="M61" s="18"/>
      <c r="N61" s="18"/>
      <c r="O61" s="18"/>
      <c r="P61" s="18"/>
      <c r="Q61" s="18"/>
      <c r="R61" s="18"/>
      <c r="S61" s="26"/>
      <c r="T61" s="26"/>
      <c r="U61" s="15"/>
    </row>
    <row r="62" spans="1:21" ht="22.5" customHeight="1" x14ac:dyDescent="0.4">
      <c r="A62" s="17"/>
      <c r="B62" s="18"/>
      <c r="C62" s="18"/>
      <c r="D62" s="18"/>
      <c r="E62" s="18"/>
      <c r="F62" s="18"/>
      <c r="G62" s="18"/>
      <c r="H62" s="18"/>
      <c r="I62" s="26"/>
      <c r="J62" s="26"/>
      <c r="K62" s="18"/>
      <c r="L62" s="18"/>
      <c r="M62" s="18"/>
      <c r="N62" s="18"/>
      <c r="O62" s="18"/>
      <c r="P62" s="18"/>
      <c r="Q62" s="18"/>
      <c r="R62" s="18"/>
      <c r="S62" s="26"/>
      <c r="T62" s="26"/>
      <c r="U62" s="15"/>
    </row>
    <row r="63" spans="1:21" ht="22.5" customHeight="1" x14ac:dyDescent="0.4">
      <c r="A63" s="17"/>
      <c r="B63" s="18"/>
      <c r="C63" s="18"/>
      <c r="D63" s="18"/>
      <c r="E63" s="18"/>
      <c r="F63" s="18"/>
      <c r="G63" s="18"/>
      <c r="H63" s="18"/>
      <c r="I63" s="26"/>
      <c r="J63" s="26"/>
      <c r="L63" s="18"/>
      <c r="M63" s="18"/>
      <c r="N63" s="18"/>
      <c r="O63" s="18"/>
      <c r="P63" s="18"/>
      <c r="Q63" s="18"/>
      <c r="R63" s="18"/>
      <c r="S63" s="26"/>
      <c r="T63" s="26"/>
      <c r="U63" s="15"/>
    </row>
    <row r="64" spans="1:21" ht="22.5" customHeight="1" x14ac:dyDescent="0.4">
      <c r="A64" s="94"/>
      <c r="B64" s="93"/>
      <c r="C64" s="93"/>
      <c r="D64" s="93"/>
      <c r="E64" s="93"/>
      <c r="F64" s="93"/>
      <c r="G64" s="93"/>
      <c r="H64" s="93"/>
      <c r="I64" s="92"/>
      <c r="J64" s="92"/>
      <c r="K64" s="93"/>
      <c r="L64" s="93"/>
      <c r="M64" s="93"/>
      <c r="N64" s="93"/>
      <c r="O64" s="93"/>
      <c r="P64" s="93"/>
      <c r="Q64" s="93"/>
      <c r="R64" s="93"/>
      <c r="S64" s="92"/>
      <c r="T64" s="92"/>
      <c r="U64" s="91"/>
    </row>
    <row r="65" spans="9:20" ht="22.5" customHeight="1" x14ac:dyDescent="0.4">
      <c r="I65" s="16"/>
      <c r="J65" s="16"/>
      <c r="S65" s="16"/>
      <c r="T65" s="16"/>
    </row>
    <row r="66" spans="9:20" ht="22.5" customHeight="1" x14ac:dyDescent="0.4">
      <c r="I66" s="12"/>
      <c r="J66" s="12"/>
      <c r="S66" s="12"/>
      <c r="T66" s="12"/>
    </row>
    <row r="67" spans="9:20" ht="22.5" customHeight="1" x14ac:dyDescent="0.4">
      <c r="I67" s="12"/>
      <c r="J67" s="12"/>
      <c r="S67" s="12"/>
      <c r="T67" s="12"/>
    </row>
    <row r="68" spans="9:20" ht="22.5" customHeight="1" x14ac:dyDescent="0.4">
      <c r="I68" s="12"/>
      <c r="J68" s="12"/>
      <c r="S68" s="12"/>
      <c r="T68" s="12"/>
    </row>
    <row r="69" spans="9:20" ht="22.5" customHeight="1" x14ac:dyDescent="0.4">
      <c r="I69" s="12"/>
      <c r="J69" s="12"/>
      <c r="S69" s="12"/>
      <c r="T69" s="12"/>
    </row>
    <row r="70" spans="9:20" ht="22.5" customHeight="1" x14ac:dyDescent="0.4">
      <c r="I70" s="12"/>
      <c r="J70" s="12"/>
      <c r="S70" s="12"/>
      <c r="T70" s="12"/>
    </row>
    <row r="71" spans="9:20" ht="22.5" customHeight="1" x14ac:dyDescent="0.4">
      <c r="I71" s="12"/>
      <c r="J71" s="12"/>
      <c r="S71" s="12"/>
      <c r="T71" s="12"/>
    </row>
    <row r="72" spans="9:20" ht="22.5" customHeight="1" x14ac:dyDescent="0.4">
      <c r="I72" s="12"/>
      <c r="J72" s="12"/>
      <c r="S72" s="12"/>
      <c r="T72" s="12"/>
    </row>
    <row r="73" spans="9:20" ht="22.5" customHeight="1" x14ac:dyDescent="0.4">
      <c r="I73" s="12"/>
      <c r="J73" s="12"/>
      <c r="S73" s="12"/>
      <c r="T73" s="12"/>
    </row>
    <row r="74" spans="9:20" ht="22.5" customHeight="1" x14ac:dyDescent="0.4">
      <c r="I74" s="12"/>
      <c r="J74" s="12"/>
      <c r="S74" s="12"/>
      <c r="T74" s="12"/>
    </row>
    <row r="75" spans="9:20" ht="22.5" customHeight="1" x14ac:dyDescent="0.4">
      <c r="I75" s="12"/>
      <c r="J75" s="12"/>
      <c r="S75" s="12"/>
      <c r="T75" s="12"/>
    </row>
    <row r="76" spans="9:20" ht="22.5" customHeight="1" x14ac:dyDescent="0.4">
      <c r="I76" s="12"/>
      <c r="J76" s="12"/>
      <c r="S76" s="12"/>
      <c r="T76" s="12"/>
    </row>
    <row r="77" spans="9:20" ht="22.5" customHeight="1" x14ac:dyDescent="0.4">
      <c r="I77" s="12"/>
      <c r="J77" s="12"/>
      <c r="S77" s="12"/>
      <c r="T77" s="12"/>
    </row>
    <row r="78" spans="9:20" ht="22.5" customHeight="1" x14ac:dyDescent="0.4">
      <c r="I78" s="12"/>
      <c r="J78" s="12"/>
      <c r="S78" s="12"/>
      <c r="T78" s="12"/>
    </row>
    <row r="79" spans="9:20" ht="22.5" customHeight="1" x14ac:dyDescent="0.4">
      <c r="I79" s="12"/>
      <c r="J79" s="12"/>
      <c r="S79" s="12"/>
      <c r="T79" s="12"/>
    </row>
    <row r="80" spans="9:20" ht="22.5" customHeight="1" x14ac:dyDescent="0.4">
      <c r="I80" s="12"/>
      <c r="J80" s="12"/>
      <c r="S80" s="12"/>
      <c r="T80" s="12"/>
    </row>
    <row r="81" spans="9:20" ht="22.5" customHeight="1" x14ac:dyDescent="0.4">
      <c r="I81" s="12"/>
      <c r="J81" s="12"/>
      <c r="S81" s="12"/>
      <c r="T81" s="12"/>
    </row>
    <row r="82" spans="9:20" ht="22.5" customHeight="1" x14ac:dyDescent="0.4">
      <c r="I82" s="12"/>
      <c r="J82" s="12"/>
      <c r="S82" s="12"/>
      <c r="T82" s="12"/>
    </row>
    <row r="83" spans="9:20" ht="22.5" customHeight="1" x14ac:dyDescent="0.4">
      <c r="I83" s="12"/>
      <c r="J83" s="12"/>
      <c r="S83" s="12"/>
      <c r="T83" s="12"/>
    </row>
    <row r="84" spans="9:20" ht="22.5" customHeight="1" x14ac:dyDescent="0.4">
      <c r="I84" s="12"/>
      <c r="J84" s="12"/>
      <c r="S84" s="12"/>
      <c r="T84" s="12"/>
    </row>
    <row r="85" spans="9:20" ht="22.5" customHeight="1" x14ac:dyDescent="0.4">
      <c r="I85" s="12"/>
      <c r="J85" s="12"/>
      <c r="S85" s="12"/>
      <c r="T85" s="12"/>
    </row>
    <row r="86" spans="9:20" ht="22.5" customHeight="1" x14ac:dyDescent="0.4">
      <c r="I86" s="12"/>
      <c r="J86" s="12"/>
      <c r="S86" s="12"/>
      <c r="T86" s="12"/>
    </row>
    <row r="87" spans="9:20" ht="22.5" customHeight="1" x14ac:dyDescent="0.4">
      <c r="I87" s="12"/>
      <c r="J87" s="12"/>
      <c r="S87" s="12"/>
      <c r="T87" s="12"/>
    </row>
    <row r="88" spans="9:20" ht="22.5" customHeight="1" x14ac:dyDescent="0.4">
      <c r="I88" s="12"/>
      <c r="J88" s="12"/>
      <c r="S88" s="12"/>
      <c r="T88" s="12"/>
    </row>
    <row r="89" spans="9:20" ht="22.5" customHeight="1" x14ac:dyDescent="0.4">
      <c r="I89" s="12"/>
      <c r="J89" s="12"/>
      <c r="S89" s="12"/>
      <c r="T89" s="12"/>
    </row>
    <row r="90" spans="9:20" ht="22.5" customHeight="1" x14ac:dyDescent="0.4">
      <c r="I90" s="12"/>
      <c r="J90" s="12"/>
      <c r="S90" s="12"/>
      <c r="T90" s="12"/>
    </row>
    <row r="91" spans="9:20" ht="22.5" customHeight="1" x14ac:dyDescent="0.4">
      <c r="I91" s="12"/>
      <c r="J91" s="12"/>
      <c r="S91" s="12"/>
      <c r="T91" s="12"/>
    </row>
    <row r="92" spans="9:20" ht="22.5" customHeight="1" x14ac:dyDescent="0.4">
      <c r="I92" s="12"/>
      <c r="J92" s="12"/>
      <c r="S92" s="12"/>
      <c r="T92" s="12"/>
    </row>
    <row r="93" spans="9:20" ht="22.5" customHeight="1" x14ac:dyDescent="0.4">
      <c r="I93" s="12"/>
      <c r="J93" s="12"/>
      <c r="S93" s="12"/>
      <c r="T93" s="12"/>
    </row>
    <row r="94" spans="9:20" ht="22.5" customHeight="1" x14ac:dyDescent="0.4">
      <c r="I94" s="12"/>
      <c r="J94" s="12"/>
      <c r="S94" s="12"/>
      <c r="T94" s="12"/>
    </row>
    <row r="95" spans="9:20" ht="22.5" customHeight="1" x14ac:dyDescent="0.4">
      <c r="I95" s="12"/>
      <c r="J95" s="12"/>
      <c r="S95" s="12"/>
      <c r="T95" s="12"/>
    </row>
    <row r="96" spans="9:20" ht="22.5" customHeight="1" x14ac:dyDescent="0.4">
      <c r="I96" s="12"/>
      <c r="J96" s="12"/>
      <c r="S96" s="12"/>
      <c r="T96" s="12"/>
    </row>
    <row r="97" spans="9:20" ht="22.5" customHeight="1" x14ac:dyDescent="0.4">
      <c r="I97" s="12"/>
      <c r="J97" s="12"/>
      <c r="S97" s="12"/>
      <c r="T97" s="12"/>
    </row>
    <row r="98" spans="9:20" ht="22.5" customHeight="1" x14ac:dyDescent="0.4">
      <c r="I98" s="12"/>
      <c r="J98" s="12"/>
      <c r="S98" s="12"/>
      <c r="T98" s="12"/>
    </row>
    <row r="99" spans="9:20" ht="22.5" customHeight="1" x14ac:dyDescent="0.4">
      <c r="I99" s="12"/>
      <c r="J99" s="12"/>
      <c r="S99" s="12"/>
      <c r="T99" s="12"/>
    </row>
    <row r="100" spans="9:20" ht="22.5" customHeight="1" x14ac:dyDescent="0.4">
      <c r="I100" s="12"/>
      <c r="J100" s="12"/>
      <c r="S100" s="12"/>
      <c r="T100" s="12"/>
    </row>
    <row r="101" spans="9:20" ht="22.5" customHeight="1" x14ac:dyDescent="0.4">
      <c r="I101" s="12"/>
      <c r="J101" s="12"/>
      <c r="S101" s="12"/>
      <c r="T101" s="12"/>
    </row>
    <row r="102" spans="9:20" ht="22.5" customHeight="1" x14ac:dyDescent="0.4">
      <c r="I102" s="12"/>
      <c r="J102" s="12"/>
      <c r="S102" s="12"/>
      <c r="T102" s="12"/>
    </row>
    <row r="103" spans="9:20" ht="22.5" customHeight="1" x14ac:dyDescent="0.4">
      <c r="I103" s="12"/>
      <c r="J103" s="12"/>
      <c r="S103" s="12"/>
      <c r="T103" s="12"/>
    </row>
    <row r="104" spans="9:20" ht="22.5" customHeight="1" x14ac:dyDescent="0.4">
      <c r="I104" s="12"/>
      <c r="J104" s="12"/>
      <c r="S104" s="12"/>
      <c r="T104" s="12"/>
    </row>
    <row r="105" spans="9:20" ht="22.5" customHeight="1" x14ac:dyDescent="0.4">
      <c r="I105" s="12"/>
      <c r="J105" s="12"/>
      <c r="S105" s="12"/>
      <c r="T105" s="12"/>
    </row>
    <row r="106" spans="9:20" ht="22.5" customHeight="1" x14ac:dyDescent="0.4">
      <c r="I106" s="12"/>
      <c r="J106" s="12"/>
      <c r="S106" s="12"/>
      <c r="T106" s="12"/>
    </row>
    <row r="107" spans="9:20" ht="22.5" customHeight="1" x14ac:dyDescent="0.4">
      <c r="I107" s="12"/>
      <c r="J107" s="12"/>
      <c r="S107" s="12"/>
      <c r="T107" s="12"/>
    </row>
    <row r="108" spans="9:20" ht="22.5" customHeight="1" x14ac:dyDescent="0.4">
      <c r="I108" s="12"/>
      <c r="J108" s="12"/>
      <c r="S108" s="12"/>
      <c r="T108" s="12"/>
    </row>
    <row r="109" spans="9:20" ht="22.5" customHeight="1" x14ac:dyDescent="0.4">
      <c r="I109" s="12"/>
      <c r="J109" s="12"/>
      <c r="S109" s="12"/>
      <c r="T109" s="12"/>
    </row>
    <row r="110" spans="9:20" ht="22.5" customHeight="1" x14ac:dyDescent="0.4">
      <c r="I110" s="12"/>
      <c r="J110" s="12"/>
      <c r="S110" s="12"/>
      <c r="T110" s="12"/>
    </row>
    <row r="111" spans="9:20" ht="22.5" customHeight="1" x14ac:dyDescent="0.4">
      <c r="I111" s="12"/>
      <c r="J111" s="12"/>
      <c r="S111" s="12"/>
      <c r="T111" s="12"/>
    </row>
    <row r="112" spans="9:20" ht="22.5" customHeight="1" x14ac:dyDescent="0.4">
      <c r="I112" s="12"/>
      <c r="J112" s="12"/>
      <c r="S112" s="12"/>
      <c r="T112" s="12"/>
    </row>
    <row r="113" spans="9:20" ht="22.5" customHeight="1" x14ac:dyDescent="0.4">
      <c r="I113" s="12"/>
      <c r="J113" s="12"/>
      <c r="S113" s="12"/>
      <c r="T113" s="12"/>
    </row>
    <row r="114" spans="9:20" ht="22.5" customHeight="1" x14ac:dyDescent="0.4">
      <c r="I114" s="12"/>
      <c r="J114" s="12"/>
      <c r="S114" s="12"/>
      <c r="T114" s="12"/>
    </row>
    <row r="115" spans="9:20" ht="22.5" customHeight="1" x14ac:dyDescent="0.4">
      <c r="I115" s="12"/>
      <c r="J115" s="12"/>
      <c r="S115" s="12"/>
      <c r="T115" s="12"/>
    </row>
    <row r="116" spans="9:20" ht="22.5" customHeight="1" x14ac:dyDescent="0.4">
      <c r="I116" s="12"/>
      <c r="J116" s="12"/>
      <c r="S116" s="12"/>
      <c r="T116" s="12"/>
    </row>
    <row r="117" spans="9:20" ht="22.5" customHeight="1" x14ac:dyDescent="0.4">
      <c r="I117" s="12"/>
      <c r="J117" s="12"/>
      <c r="S117" s="12"/>
      <c r="T117" s="12"/>
    </row>
    <row r="118" spans="9:20" ht="22.5" customHeight="1" x14ac:dyDescent="0.4">
      <c r="I118" s="12"/>
      <c r="J118" s="12"/>
      <c r="S118" s="12"/>
      <c r="T118" s="12"/>
    </row>
    <row r="119" spans="9:20" ht="22.5" customHeight="1" x14ac:dyDescent="0.4">
      <c r="I119" s="12"/>
      <c r="J119" s="12"/>
      <c r="S119" s="12"/>
      <c r="T119" s="12"/>
    </row>
    <row r="120" spans="9:20" ht="22.5" customHeight="1" x14ac:dyDescent="0.4">
      <c r="I120" s="12"/>
      <c r="J120" s="12"/>
      <c r="S120" s="12"/>
      <c r="T120" s="12"/>
    </row>
    <row r="121" spans="9:20" ht="22.5" customHeight="1" x14ac:dyDescent="0.4">
      <c r="I121" s="12"/>
      <c r="J121" s="12"/>
      <c r="S121" s="12"/>
      <c r="T121" s="12"/>
    </row>
    <row r="122" spans="9:20" ht="22.5" customHeight="1" x14ac:dyDescent="0.4">
      <c r="I122" s="12"/>
      <c r="J122" s="12"/>
      <c r="S122" s="12"/>
      <c r="T122" s="12"/>
    </row>
    <row r="123" spans="9:20" ht="22.5" customHeight="1" x14ac:dyDescent="0.4">
      <c r="I123" s="12"/>
      <c r="J123" s="12"/>
      <c r="S123" s="12"/>
      <c r="T123" s="12"/>
    </row>
    <row r="124" spans="9:20" ht="22.5" customHeight="1" x14ac:dyDescent="0.4">
      <c r="I124" s="12"/>
      <c r="J124" s="12"/>
      <c r="S124" s="12"/>
      <c r="T124" s="12"/>
    </row>
    <row r="125" spans="9:20" ht="22.5" customHeight="1" x14ac:dyDescent="0.4">
      <c r="I125" s="12"/>
      <c r="J125" s="12"/>
      <c r="S125" s="12"/>
      <c r="T125" s="12"/>
    </row>
    <row r="126" spans="9:20" ht="22.5" customHeight="1" x14ac:dyDescent="0.4">
      <c r="I126" s="12"/>
      <c r="J126" s="12"/>
      <c r="S126" s="12"/>
      <c r="T126" s="12"/>
    </row>
    <row r="127" spans="9:20" ht="22.5" customHeight="1" x14ac:dyDescent="0.4">
      <c r="I127" s="12"/>
      <c r="J127" s="12"/>
      <c r="S127" s="12"/>
      <c r="T127" s="12"/>
    </row>
    <row r="128" spans="9:20" ht="22.5" customHeight="1" x14ac:dyDescent="0.4">
      <c r="I128" s="12"/>
      <c r="J128" s="12"/>
      <c r="S128" s="12"/>
      <c r="T128" s="12"/>
    </row>
    <row r="129" spans="9:20" ht="22.5" customHeight="1" x14ac:dyDescent="0.4">
      <c r="I129" s="12"/>
      <c r="J129" s="12"/>
      <c r="S129" s="12"/>
      <c r="T129" s="12"/>
    </row>
    <row r="130" spans="9:20" ht="22.5" customHeight="1" x14ac:dyDescent="0.4">
      <c r="I130" s="12"/>
      <c r="J130" s="12"/>
      <c r="S130" s="12"/>
      <c r="T130" s="12"/>
    </row>
    <row r="131" spans="9:20" ht="22.5" customHeight="1" x14ac:dyDescent="0.4">
      <c r="I131" s="12"/>
      <c r="J131" s="12"/>
      <c r="S131" s="12"/>
      <c r="T131" s="12"/>
    </row>
    <row r="132" spans="9:20" ht="22.5" customHeight="1" x14ac:dyDescent="0.4">
      <c r="I132" s="12"/>
      <c r="J132" s="12"/>
      <c r="S132" s="12"/>
      <c r="T132" s="12"/>
    </row>
    <row r="133" spans="9:20" ht="22.5" customHeight="1" x14ac:dyDescent="0.4">
      <c r="I133" s="12"/>
      <c r="J133" s="12"/>
      <c r="S133" s="12"/>
      <c r="T133" s="12"/>
    </row>
    <row r="134" spans="9:20" ht="22.5" customHeight="1" x14ac:dyDescent="0.4">
      <c r="I134" s="12"/>
      <c r="J134" s="12"/>
      <c r="S134" s="12"/>
      <c r="T134" s="12"/>
    </row>
    <row r="135" spans="9:20" ht="22.5" customHeight="1" x14ac:dyDescent="0.4">
      <c r="I135" s="12"/>
      <c r="J135" s="12"/>
      <c r="S135" s="12"/>
      <c r="T135" s="12"/>
    </row>
    <row r="136" spans="9:20" ht="22.5" customHeight="1" x14ac:dyDescent="0.4">
      <c r="I136" s="12"/>
      <c r="J136" s="12"/>
      <c r="S136" s="12"/>
      <c r="T136" s="12"/>
    </row>
    <row r="137" spans="9:20" ht="22.5" customHeight="1" x14ac:dyDescent="0.4">
      <c r="I137" s="12"/>
      <c r="J137" s="12"/>
      <c r="S137" s="12"/>
      <c r="T137" s="12"/>
    </row>
    <row r="138" spans="9:20" ht="22.5" customHeight="1" x14ac:dyDescent="0.4">
      <c r="I138" s="12"/>
      <c r="J138" s="12"/>
      <c r="S138" s="12"/>
      <c r="T138" s="12"/>
    </row>
    <row r="139" spans="9:20" ht="22.5" customHeight="1" x14ac:dyDescent="0.4">
      <c r="I139" s="12"/>
      <c r="J139" s="12"/>
      <c r="S139" s="12"/>
      <c r="T139" s="12"/>
    </row>
    <row r="140" spans="9:20" ht="22.5" customHeight="1" x14ac:dyDescent="0.4">
      <c r="I140" s="12"/>
      <c r="J140" s="12"/>
      <c r="S140" s="12"/>
      <c r="T140" s="12"/>
    </row>
    <row r="141" spans="9:20" ht="22.5" customHeight="1" x14ac:dyDescent="0.4">
      <c r="I141" s="12"/>
      <c r="J141" s="12"/>
      <c r="S141" s="12"/>
      <c r="T141" s="12"/>
    </row>
    <row r="142" spans="9:20" ht="22.5" customHeight="1" x14ac:dyDescent="0.4">
      <c r="I142" s="12"/>
      <c r="J142" s="12"/>
      <c r="S142" s="12"/>
      <c r="T142" s="12"/>
    </row>
    <row r="143" spans="9:20" ht="22.5" customHeight="1" x14ac:dyDescent="0.4">
      <c r="I143" s="12"/>
      <c r="J143" s="12"/>
      <c r="S143" s="12"/>
      <c r="T143" s="12"/>
    </row>
    <row r="144" spans="9:20" ht="22.5" customHeight="1" x14ac:dyDescent="0.4">
      <c r="I144" s="12"/>
      <c r="J144" s="12"/>
      <c r="S144" s="12"/>
      <c r="T144" s="12"/>
    </row>
    <row r="145" spans="9:20" ht="22.5" customHeight="1" x14ac:dyDescent="0.4">
      <c r="I145" s="12"/>
      <c r="J145" s="12"/>
      <c r="S145" s="12"/>
      <c r="T145" s="12"/>
    </row>
    <row r="146" spans="9:20" ht="22.5" customHeight="1" x14ac:dyDescent="0.4">
      <c r="I146" s="12"/>
      <c r="J146" s="12"/>
      <c r="S146" s="12"/>
      <c r="T146" s="12"/>
    </row>
    <row r="147" spans="9:20" ht="22.5" customHeight="1" x14ac:dyDescent="0.4">
      <c r="I147" s="12"/>
      <c r="J147" s="12"/>
      <c r="S147" s="12"/>
      <c r="T147" s="12"/>
    </row>
    <row r="148" spans="9:20" ht="22.5" customHeight="1" x14ac:dyDescent="0.4">
      <c r="I148" s="12"/>
      <c r="J148" s="12"/>
      <c r="S148" s="12"/>
      <c r="T148" s="12"/>
    </row>
    <row r="149" spans="9:20" ht="22.5" customHeight="1" x14ac:dyDescent="0.4">
      <c r="I149" s="12"/>
      <c r="J149" s="12"/>
      <c r="S149" s="12"/>
      <c r="T149" s="12"/>
    </row>
    <row r="150" spans="9:20" ht="22.5" customHeight="1" x14ac:dyDescent="0.4">
      <c r="I150" s="12"/>
      <c r="J150" s="12"/>
      <c r="S150" s="12"/>
      <c r="T150" s="12"/>
    </row>
    <row r="151" spans="9:20" ht="22.5" customHeight="1" x14ac:dyDescent="0.4">
      <c r="I151" s="12"/>
      <c r="J151" s="12"/>
      <c r="S151" s="12"/>
      <c r="T151" s="12"/>
    </row>
    <row r="152" spans="9:20" ht="22.5" customHeight="1" x14ac:dyDescent="0.4">
      <c r="I152" s="12"/>
      <c r="J152" s="12"/>
      <c r="S152" s="12"/>
      <c r="T152" s="12"/>
    </row>
    <row r="153" spans="9:20" ht="22.5" customHeight="1" x14ac:dyDescent="0.4">
      <c r="I153" s="12"/>
      <c r="J153" s="12"/>
      <c r="S153" s="12"/>
      <c r="T153" s="12"/>
    </row>
    <row r="154" spans="9:20" ht="22.5" customHeight="1" x14ac:dyDescent="0.4">
      <c r="I154" s="12"/>
      <c r="J154" s="12"/>
      <c r="S154" s="12"/>
      <c r="T154" s="12"/>
    </row>
    <row r="155" spans="9:20" ht="22.5" customHeight="1" x14ac:dyDescent="0.4">
      <c r="I155" s="12"/>
      <c r="J155" s="12"/>
      <c r="S155" s="12"/>
      <c r="T155" s="12"/>
    </row>
    <row r="156" spans="9:20" ht="22.5" customHeight="1" x14ac:dyDescent="0.4">
      <c r="I156" s="12"/>
      <c r="J156" s="12"/>
      <c r="S156" s="12"/>
      <c r="T156" s="12"/>
    </row>
    <row r="157" spans="9:20" ht="22.5" customHeight="1" x14ac:dyDescent="0.4">
      <c r="I157" s="12"/>
      <c r="J157" s="12"/>
      <c r="S157" s="12"/>
      <c r="T157" s="12"/>
    </row>
    <row r="158" spans="9:20" ht="22.5" customHeight="1" x14ac:dyDescent="0.4">
      <c r="I158" s="12"/>
      <c r="J158" s="12"/>
      <c r="S158" s="12"/>
      <c r="T158" s="12"/>
    </row>
    <row r="159" spans="9:20" ht="22.5" customHeight="1" x14ac:dyDescent="0.4">
      <c r="I159" s="12"/>
      <c r="J159" s="12"/>
      <c r="S159" s="12"/>
      <c r="T159" s="12"/>
    </row>
    <row r="160" spans="9:20" ht="22.5" customHeight="1" x14ac:dyDescent="0.4">
      <c r="I160" s="12"/>
      <c r="J160" s="12"/>
      <c r="S160" s="12"/>
      <c r="T160" s="12"/>
    </row>
    <row r="161" spans="9:20" ht="22.5" customHeight="1" x14ac:dyDescent="0.4">
      <c r="I161" s="12"/>
      <c r="J161" s="12"/>
      <c r="S161" s="12"/>
      <c r="T161" s="12"/>
    </row>
    <row r="162" spans="9:20" ht="22.5" customHeight="1" x14ac:dyDescent="0.4">
      <c r="I162" s="12"/>
      <c r="J162" s="12"/>
      <c r="S162" s="12"/>
      <c r="T162" s="12"/>
    </row>
    <row r="163" spans="9:20" ht="22.5" customHeight="1" x14ac:dyDescent="0.4">
      <c r="I163" s="12"/>
      <c r="J163" s="12"/>
      <c r="S163" s="12"/>
      <c r="T163" s="12"/>
    </row>
    <row r="164" spans="9:20" ht="22.5" customHeight="1" x14ac:dyDescent="0.4">
      <c r="I164" s="12"/>
      <c r="J164" s="12"/>
      <c r="S164" s="12"/>
      <c r="T164" s="12"/>
    </row>
    <row r="165" spans="9:20" ht="22.5" customHeight="1" x14ac:dyDescent="0.4">
      <c r="I165" s="12"/>
      <c r="J165" s="12"/>
      <c r="S165" s="12"/>
      <c r="T165" s="12"/>
    </row>
    <row r="166" spans="9:20" ht="22.5" customHeight="1" x14ac:dyDescent="0.4">
      <c r="I166" s="12"/>
      <c r="J166" s="12"/>
      <c r="S166" s="12"/>
      <c r="T166" s="12"/>
    </row>
    <row r="167" spans="9:20" ht="22.5" customHeight="1" x14ac:dyDescent="0.4">
      <c r="I167" s="12"/>
      <c r="J167" s="12"/>
      <c r="S167" s="12"/>
      <c r="T167" s="12"/>
    </row>
    <row r="168" spans="9:20" ht="22.5" customHeight="1" x14ac:dyDescent="0.4">
      <c r="I168" s="12"/>
      <c r="J168" s="12"/>
      <c r="S168" s="12"/>
      <c r="T168" s="12"/>
    </row>
    <row r="169" spans="9:20" ht="22.5" customHeight="1" x14ac:dyDescent="0.4">
      <c r="I169" s="12"/>
      <c r="J169" s="12"/>
      <c r="S169" s="12"/>
      <c r="T169" s="12"/>
    </row>
    <row r="170" spans="9:20" ht="22.5" customHeight="1" x14ac:dyDescent="0.4">
      <c r="I170" s="12"/>
      <c r="J170" s="12"/>
      <c r="S170" s="12"/>
      <c r="T170" s="12"/>
    </row>
    <row r="171" spans="9:20" ht="22.5" customHeight="1" x14ac:dyDescent="0.4">
      <c r="I171" s="12"/>
      <c r="J171" s="12"/>
      <c r="S171" s="12"/>
      <c r="T171" s="12"/>
    </row>
    <row r="172" spans="9:20" ht="22.5" customHeight="1" x14ac:dyDescent="0.4">
      <c r="I172" s="12"/>
      <c r="J172" s="12"/>
      <c r="S172" s="12"/>
      <c r="T172" s="12"/>
    </row>
    <row r="173" spans="9:20" ht="22.5" customHeight="1" x14ac:dyDescent="0.4">
      <c r="I173" s="12"/>
      <c r="J173" s="12"/>
      <c r="S173" s="12"/>
      <c r="T173" s="12"/>
    </row>
    <row r="174" spans="9:20" ht="22.5" customHeight="1" x14ac:dyDescent="0.4">
      <c r="I174" s="12"/>
      <c r="J174" s="12"/>
      <c r="S174" s="12"/>
      <c r="T174" s="12"/>
    </row>
    <row r="175" spans="9:20" ht="22.5" customHeight="1" x14ac:dyDescent="0.4">
      <c r="I175" s="12"/>
      <c r="J175" s="12"/>
      <c r="S175" s="12"/>
      <c r="T175" s="12"/>
    </row>
    <row r="176" spans="9:20" ht="22.5" customHeight="1" x14ac:dyDescent="0.4">
      <c r="I176" s="12"/>
      <c r="J176" s="12"/>
      <c r="S176" s="12"/>
      <c r="T176" s="12"/>
    </row>
    <row r="177" spans="9:20" ht="22.5" customHeight="1" x14ac:dyDescent="0.4">
      <c r="I177" s="12"/>
      <c r="J177" s="12"/>
      <c r="S177" s="12"/>
      <c r="T177" s="12"/>
    </row>
    <row r="178" spans="9:20" ht="22.5" customHeight="1" x14ac:dyDescent="0.4">
      <c r="I178" s="12"/>
      <c r="J178" s="12"/>
      <c r="S178" s="12"/>
      <c r="T178" s="12"/>
    </row>
    <row r="179" spans="9:20" ht="22.5" customHeight="1" x14ac:dyDescent="0.4">
      <c r="I179" s="12"/>
      <c r="J179" s="12"/>
      <c r="S179" s="12"/>
      <c r="T179" s="12"/>
    </row>
    <row r="180" spans="9:20" ht="22.5" customHeight="1" x14ac:dyDescent="0.4">
      <c r="I180" s="12"/>
      <c r="J180" s="12"/>
      <c r="S180" s="12"/>
      <c r="T180" s="12"/>
    </row>
    <row r="181" spans="9:20" ht="22.5" customHeight="1" x14ac:dyDescent="0.4">
      <c r="I181" s="12"/>
      <c r="J181" s="12"/>
      <c r="S181" s="12"/>
      <c r="T181" s="12"/>
    </row>
    <row r="182" spans="9:20" ht="22.5" customHeight="1" x14ac:dyDescent="0.4">
      <c r="I182" s="12"/>
      <c r="J182" s="12"/>
      <c r="S182" s="12"/>
      <c r="T182" s="12"/>
    </row>
    <row r="183" spans="9:20" ht="22.5" customHeight="1" x14ac:dyDescent="0.4">
      <c r="I183" s="12"/>
      <c r="J183" s="12"/>
      <c r="S183" s="12"/>
      <c r="T183" s="12"/>
    </row>
    <row r="184" spans="9:20" ht="22.5" customHeight="1" x14ac:dyDescent="0.4">
      <c r="I184" s="12"/>
      <c r="J184" s="12"/>
      <c r="S184" s="12"/>
      <c r="T184" s="12"/>
    </row>
    <row r="185" spans="9:20" ht="22.5" customHeight="1" x14ac:dyDescent="0.4">
      <c r="I185" s="12"/>
      <c r="J185" s="12"/>
      <c r="S185" s="12"/>
      <c r="T185" s="12"/>
    </row>
    <row r="186" spans="9:20" ht="22.5" customHeight="1" x14ac:dyDescent="0.4">
      <c r="I186" s="12"/>
      <c r="J186" s="12"/>
      <c r="S186" s="12"/>
      <c r="T186" s="12"/>
    </row>
    <row r="187" spans="9:20" ht="22.5" customHeight="1" x14ac:dyDescent="0.4">
      <c r="I187" s="12"/>
      <c r="J187" s="12"/>
      <c r="S187" s="12"/>
      <c r="T187" s="12"/>
    </row>
    <row r="188" spans="9:20" ht="22.5" customHeight="1" x14ac:dyDescent="0.4">
      <c r="I188" s="12"/>
      <c r="J188" s="12"/>
      <c r="S188" s="12"/>
      <c r="T188" s="12"/>
    </row>
    <row r="189" spans="9:20" ht="22.5" customHeight="1" x14ac:dyDescent="0.4">
      <c r="I189" s="12"/>
      <c r="J189" s="12"/>
      <c r="S189" s="12"/>
      <c r="T189" s="12"/>
    </row>
    <row r="190" spans="9:20" ht="22.5" customHeight="1" x14ac:dyDescent="0.4">
      <c r="I190" s="12"/>
      <c r="J190" s="12"/>
      <c r="S190" s="12"/>
      <c r="T190" s="12"/>
    </row>
    <row r="191" spans="9:20" ht="22.5" customHeight="1" x14ac:dyDescent="0.4">
      <c r="I191" s="12"/>
      <c r="J191" s="12"/>
      <c r="S191" s="12"/>
      <c r="T191" s="12"/>
    </row>
    <row r="192" spans="9:20" ht="22.5" customHeight="1" x14ac:dyDescent="0.4">
      <c r="I192" s="12"/>
      <c r="J192" s="12"/>
      <c r="S192" s="12"/>
      <c r="T192" s="12"/>
    </row>
    <row r="193" spans="9:20" ht="22.5" customHeight="1" x14ac:dyDescent="0.4">
      <c r="I193" s="12"/>
      <c r="J193" s="12"/>
      <c r="S193" s="12"/>
      <c r="T193" s="12"/>
    </row>
    <row r="194" spans="9:20" ht="22.5" customHeight="1" x14ac:dyDescent="0.4">
      <c r="I194" s="12"/>
      <c r="J194" s="12"/>
      <c r="S194" s="12"/>
      <c r="T194" s="12"/>
    </row>
  </sheetData>
  <sheetProtection selectLockedCells="1" selectUnlockedCells="1"/>
  <mergeCells count="4">
    <mergeCell ref="L8:N8"/>
    <mergeCell ref="B9:D9"/>
    <mergeCell ref="B6:S6"/>
    <mergeCell ref="B7:S7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0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7">
    <pageSetUpPr fitToPage="1"/>
  </sheetPr>
  <dimension ref="A1:D75"/>
  <sheetViews>
    <sheetView view="pageBreakPreview" zoomScale="55" zoomScaleNormal="50" zoomScaleSheetLayoutView="55" workbookViewId="0">
      <selection activeCell="D14" sqref="D14"/>
    </sheetView>
  </sheetViews>
  <sheetFormatPr defaultColWidth="9" defaultRowHeight="13.5" x14ac:dyDescent="0.4"/>
  <cols>
    <col min="1" max="1" width="4" style="11" customWidth="1"/>
    <col min="2" max="2" width="54.125" style="3" customWidth="1"/>
    <col min="3" max="3" width="60.5" style="3" customWidth="1"/>
    <col min="4" max="4" width="52.75" style="3" customWidth="1"/>
    <col min="5" max="16384" width="9" style="3"/>
  </cols>
  <sheetData>
    <row r="1" spans="1:4" s="1" customFormat="1" ht="22.5" customHeight="1" x14ac:dyDescent="0.4">
      <c r="B1" s="2" t="s">
        <v>0</v>
      </c>
    </row>
    <row r="2" spans="1:4" s="1" customFormat="1" ht="22.5" customHeight="1" x14ac:dyDescent="0.4">
      <c r="B2" s="2" t="s">
        <v>1</v>
      </c>
    </row>
    <row r="3" spans="1:4" s="1" customFormat="1" ht="22.5" customHeight="1" x14ac:dyDescent="0.4">
      <c r="B3" s="2" t="s">
        <v>4</v>
      </c>
    </row>
    <row r="4" spans="1:4" ht="122.25" customHeight="1" x14ac:dyDescent="0.4">
      <c r="A4" s="139" t="s">
        <v>2</v>
      </c>
      <c r="B4" s="139"/>
      <c r="C4" s="139"/>
      <c r="D4" s="139"/>
    </row>
    <row r="5" spans="1:4" s="5" customFormat="1" ht="36" customHeight="1" x14ac:dyDescent="0.4">
      <c r="A5" s="4"/>
    </row>
    <row r="6" spans="1:4" s="5" customFormat="1" ht="36" customHeight="1" x14ac:dyDescent="0.4">
      <c r="A6" s="4"/>
      <c r="B6" s="5" t="s">
        <v>3</v>
      </c>
    </row>
    <row r="7" spans="1:4" s="5" customFormat="1" ht="36" customHeight="1" x14ac:dyDescent="0.4">
      <c r="A7" s="4"/>
      <c r="B7" s="6"/>
      <c r="C7" s="138"/>
      <c r="D7" s="138"/>
    </row>
    <row r="8" spans="1:4" s="5" customFormat="1" ht="36" customHeight="1" x14ac:dyDescent="0.4">
      <c r="A8" s="4"/>
      <c r="B8" s="6"/>
      <c r="C8" s="138"/>
      <c r="D8" s="138"/>
    </row>
    <row r="9" spans="1:4" s="5" customFormat="1" ht="36" customHeight="1" x14ac:dyDescent="0.4">
      <c r="A9" s="4"/>
      <c r="B9" s="7"/>
      <c r="C9" s="138"/>
      <c r="D9" s="138"/>
    </row>
    <row r="10" spans="1:4" s="5" customFormat="1" ht="36" customHeight="1" x14ac:dyDescent="0.4">
      <c r="A10" s="4"/>
      <c r="B10" s="6"/>
      <c r="C10" s="138"/>
      <c r="D10" s="138"/>
    </row>
    <row r="11" spans="1:4" s="5" customFormat="1" ht="36" customHeight="1" x14ac:dyDescent="0.4">
      <c r="A11" s="4"/>
      <c r="B11" s="6"/>
      <c r="C11" s="140"/>
      <c r="D11" s="140"/>
    </row>
    <row r="12" spans="1:4" s="5" customFormat="1" ht="36" customHeight="1" x14ac:dyDescent="0.4">
      <c r="A12" s="4"/>
      <c r="B12" s="6"/>
      <c r="C12" s="138"/>
      <c r="D12" s="138"/>
    </row>
    <row r="13" spans="1:4" s="5" customFormat="1" ht="36" customHeight="1" x14ac:dyDescent="0.4">
      <c r="A13" s="4"/>
      <c r="B13" s="8"/>
      <c r="C13" s="8"/>
    </row>
    <row r="14" spans="1:4" s="5" customFormat="1" ht="36" customHeight="1" x14ac:dyDescent="0.4">
      <c r="A14" s="4"/>
    </row>
    <row r="15" spans="1:4" s="5" customFormat="1" ht="36" customHeight="1" x14ac:dyDescent="0.4">
      <c r="A15" s="4"/>
    </row>
    <row r="16" spans="1:4" s="5" customFormat="1" ht="36" customHeight="1" x14ac:dyDescent="0.4">
      <c r="A16" s="4"/>
    </row>
    <row r="17" spans="1:1" s="5" customFormat="1" ht="36" customHeight="1" x14ac:dyDescent="0.4">
      <c r="A17" s="4"/>
    </row>
    <row r="18" spans="1:1" s="5" customFormat="1" ht="36" customHeight="1" x14ac:dyDescent="0.4">
      <c r="A18" s="4"/>
    </row>
    <row r="19" spans="1:1" s="5" customFormat="1" ht="36" customHeight="1" x14ac:dyDescent="0.4">
      <c r="A19" s="4"/>
    </row>
    <row r="20" spans="1:1" s="5" customFormat="1" ht="36" customHeight="1" x14ac:dyDescent="0.4">
      <c r="A20" s="4"/>
    </row>
    <row r="21" spans="1:1" s="5" customFormat="1" ht="36" customHeight="1" x14ac:dyDescent="0.4">
      <c r="A21" s="4"/>
    </row>
    <row r="22" spans="1:1" s="5" customFormat="1" ht="36" customHeight="1" x14ac:dyDescent="0.4">
      <c r="A22" s="4"/>
    </row>
    <row r="23" spans="1:1" s="5" customFormat="1" ht="36" customHeight="1" x14ac:dyDescent="0.4">
      <c r="A23" s="4"/>
    </row>
    <row r="24" spans="1:1" s="5" customFormat="1" ht="36" customHeight="1" x14ac:dyDescent="0.4">
      <c r="A24" s="4"/>
    </row>
    <row r="25" spans="1:1" s="5" customFormat="1" ht="36" customHeight="1" x14ac:dyDescent="0.4">
      <c r="A25" s="4"/>
    </row>
    <row r="26" spans="1:1" s="5" customFormat="1" ht="36" customHeight="1" x14ac:dyDescent="0.4">
      <c r="A26" s="4"/>
    </row>
    <row r="27" spans="1:1" s="5" customFormat="1" ht="36" customHeight="1" x14ac:dyDescent="0.4">
      <c r="A27" s="4"/>
    </row>
    <row r="28" spans="1:1" s="5" customFormat="1" ht="36" customHeight="1" x14ac:dyDescent="0.4">
      <c r="A28" s="4"/>
    </row>
    <row r="29" spans="1:1" s="5" customFormat="1" ht="36" customHeight="1" x14ac:dyDescent="0.4">
      <c r="A29" s="4"/>
    </row>
    <row r="30" spans="1:1" s="5" customFormat="1" ht="36" customHeight="1" x14ac:dyDescent="0.4">
      <c r="A30" s="4"/>
    </row>
    <row r="31" spans="1:1" s="5" customFormat="1" ht="36" customHeight="1" x14ac:dyDescent="0.4">
      <c r="A31" s="4"/>
    </row>
    <row r="32" spans="1:1" s="5" customFormat="1" ht="36" customHeight="1" x14ac:dyDescent="0.4">
      <c r="A32" s="4"/>
    </row>
    <row r="33" spans="1:1" s="5" customFormat="1" ht="36" customHeight="1" x14ac:dyDescent="0.4">
      <c r="A33" s="4"/>
    </row>
    <row r="34" spans="1:1" s="5" customFormat="1" ht="36" customHeight="1" x14ac:dyDescent="0.4">
      <c r="A34" s="4"/>
    </row>
    <row r="35" spans="1:1" s="5" customFormat="1" ht="36" customHeight="1" x14ac:dyDescent="0.4">
      <c r="A35" s="4"/>
    </row>
    <row r="36" spans="1:1" s="5" customFormat="1" ht="36" customHeight="1" x14ac:dyDescent="0.4">
      <c r="A36" s="4"/>
    </row>
    <row r="37" spans="1:1" s="5" customFormat="1" ht="36" customHeight="1" x14ac:dyDescent="0.4">
      <c r="A37" s="4"/>
    </row>
    <row r="38" spans="1:1" s="5" customFormat="1" ht="36" customHeight="1" x14ac:dyDescent="0.4">
      <c r="A38" s="4"/>
    </row>
    <row r="39" spans="1:1" s="5" customFormat="1" ht="36" customHeight="1" x14ac:dyDescent="0.4">
      <c r="A39" s="4"/>
    </row>
    <row r="40" spans="1:1" s="5" customFormat="1" ht="36" customHeight="1" x14ac:dyDescent="0.4">
      <c r="A40" s="4"/>
    </row>
    <row r="41" spans="1:1" s="10" customFormat="1" ht="36" customHeight="1" x14ac:dyDescent="0.4">
      <c r="A41" s="9"/>
    </row>
    <row r="42" spans="1:1" s="10" customFormat="1" ht="36" customHeight="1" x14ac:dyDescent="0.4">
      <c r="A42" s="9"/>
    </row>
    <row r="43" spans="1:1" s="10" customFormat="1" ht="36" customHeight="1" x14ac:dyDescent="0.4">
      <c r="A43" s="9"/>
    </row>
    <row r="44" spans="1:1" s="10" customFormat="1" ht="36" customHeight="1" x14ac:dyDescent="0.4">
      <c r="A44" s="9"/>
    </row>
    <row r="45" spans="1:1" s="10" customFormat="1" ht="36" customHeight="1" x14ac:dyDescent="0.4">
      <c r="A45" s="9"/>
    </row>
    <row r="46" spans="1:1" s="10" customFormat="1" ht="36" customHeight="1" x14ac:dyDescent="0.4">
      <c r="A46" s="9"/>
    </row>
    <row r="47" spans="1:1" s="10" customFormat="1" ht="36" customHeight="1" x14ac:dyDescent="0.4">
      <c r="A47" s="9"/>
    </row>
    <row r="48" spans="1:1" s="10" customFormat="1" ht="36" customHeight="1" x14ac:dyDescent="0.4">
      <c r="A48" s="9"/>
    </row>
    <row r="49" spans="1:1" s="10" customFormat="1" ht="36" customHeight="1" x14ac:dyDescent="0.4">
      <c r="A49" s="9"/>
    </row>
    <row r="50" spans="1:1" s="10" customFormat="1" ht="36" customHeight="1" x14ac:dyDescent="0.4">
      <c r="A50" s="9"/>
    </row>
    <row r="51" spans="1:1" s="10" customFormat="1" ht="36" customHeight="1" x14ac:dyDescent="0.4">
      <c r="A51" s="9"/>
    </row>
    <row r="52" spans="1:1" s="10" customFormat="1" ht="36" customHeight="1" x14ac:dyDescent="0.4">
      <c r="A52" s="9"/>
    </row>
    <row r="53" spans="1:1" s="10" customFormat="1" ht="36" customHeight="1" x14ac:dyDescent="0.4">
      <c r="A53" s="9"/>
    </row>
    <row r="54" spans="1:1" s="10" customFormat="1" ht="36" customHeight="1" x14ac:dyDescent="0.4">
      <c r="A54" s="9"/>
    </row>
    <row r="55" spans="1:1" s="10" customFormat="1" ht="36" customHeight="1" x14ac:dyDescent="0.4">
      <c r="A55" s="9"/>
    </row>
    <row r="56" spans="1:1" s="10" customFormat="1" ht="36" customHeight="1" x14ac:dyDescent="0.4">
      <c r="A56" s="9"/>
    </row>
    <row r="57" spans="1:1" s="10" customFormat="1" ht="24" x14ac:dyDescent="0.4">
      <c r="A57" s="9"/>
    </row>
    <row r="58" spans="1:1" s="10" customFormat="1" ht="24" x14ac:dyDescent="0.4">
      <c r="A58" s="9"/>
    </row>
    <row r="59" spans="1:1" s="10" customFormat="1" ht="24" x14ac:dyDescent="0.4">
      <c r="A59" s="9"/>
    </row>
    <row r="60" spans="1:1" s="10" customFormat="1" ht="24" x14ac:dyDescent="0.4">
      <c r="A60" s="9"/>
    </row>
    <row r="61" spans="1:1" s="10" customFormat="1" ht="24" x14ac:dyDescent="0.4">
      <c r="A61" s="9"/>
    </row>
    <row r="62" spans="1:1" s="10" customFormat="1" ht="24" x14ac:dyDescent="0.4">
      <c r="A62" s="9"/>
    </row>
    <row r="63" spans="1:1" s="10" customFormat="1" ht="24" x14ac:dyDescent="0.4">
      <c r="A63" s="9"/>
    </row>
    <row r="64" spans="1:1" s="10" customFormat="1" ht="24" x14ac:dyDescent="0.4">
      <c r="A64" s="9"/>
    </row>
    <row r="65" spans="1:1" s="10" customFormat="1" ht="24" x14ac:dyDescent="0.4">
      <c r="A65" s="9"/>
    </row>
    <row r="66" spans="1:1" s="10" customFormat="1" ht="24" x14ac:dyDescent="0.4">
      <c r="A66" s="9"/>
    </row>
    <row r="67" spans="1:1" s="10" customFormat="1" ht="24" x14ac:dyDescent="0.4">
      <c r="A67" s="9"/>
    </row>
    <row r="68" spans="1:1" s="10" customFormat="1" ht="24" x14ac:dyDescent="0.4">
      <c r="A68" s="9"/>
    </row>
    <row r="69" spans="1:1" s="10" customFormat="1" ht="24" x14ac:dyDescent="0.4">
      <c r="A69" s="9"/>
    </row>
    <row r="70" spans="1:1" s="10" customFormat="1" ht="24" x14ac:dyDescent="0.4">
      <c r="A70" s="9"/>
    </row>
    <row r="71" spans="1:1" s="10" customFormat="1" ht="24" x14ac:dyDescent="0.4">
      <c r="A71" s="9"/>
    </row>
    <row r="72" spans="1:1" s="10" customFormat="1" ht="24" x14ac:dyDescent="0.4">
      <c r="A72" s="9"/>
    </row>
    <row r="73" spans="1:1" s="10" customFormat="1" ht="24" x14ac:dyDescent="0.4">
      <c r="A73" s="9"/>
    </row>
    <row r="74" spans="1:1" s="10" customFormat="1" ht="24" x14ac:dyDescent="0.4">
      <c r="A74" s="9"/>
    </row>
    <row r="75" spans="1:1" s="10" customFormat="1" ht="24" x14ac:dyDescent="0.4">
      <c r="A75" s="9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3"/>
  <pageMargins left="0.35433070866141736" right="0.35433070866141736" top="0.35433070866141736" bottom="0.86614173228346458" header="0.31496062992125984" footer="0.31496062992125984"/>
  <pageSetup paperSize="9" scale="51" fitToHeight="0" orientation="portrait" r:id="rId1"/>
  <headerFooter differentFirst="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4EF32FF-77E9-41EA-9EDD-77D5BBB6E088}">
  <dimension ref="B1:O37"/>
  <sheetViews>
    <sheetView showGridLines="0" view="pageBreakPreview" zoomScale="60" zoomScaleNormal="55" workbookViewId="0"/>
  </sheetViews>
  <sheetFormatPr defaultColWidth="8.875" defaultRowHeight="18.75" x14ac:dyDescent="0.4"/>
  <cols>
    <col min="1" max="1" width="2.625" style="105" customWidth="1"/>
    <col min="2" max="6" width="2.125" style="105" customWidth="1"/>
    <col min="7" max="7" width="2.625" style="105" customWidth="1"/>
    <col min="8" max="8" width="23.125" style="105" customWidth="1"/>
    <col min="9" max="12" width="28.125" style="105" customWidth="1"/>
    <col min="13" max="13" width="35.5" style="105" customWidth="1"/>
    <col min="14" max="14" width="26.25" style="105" customWidth="1"/>
    <col min="15" max="15" width="28.125" style="105" customWidth="1"/>
    <col min="16" max="16" width="2.625" style="105" customWidth="1"/>
    <col min="17" max="16384" width="8.875" style="105"/>
  </cols>
  <sheetData>
    <row r="1" spans="2:15" s="114" customFormat="1" ht="22.5" customHeight="1" x14ac:dyDescent="0.4">
      <c r="B1" s="51" t="s">
        <v>77</v>
      </c>
    </row>
    <row r="2" spans="2:15" s="114" customFormat="1" ht="22.5" customHeight="1" x14ac:dyDescent="0.4">
      <c r="B2" s="51" t="s">
        <v>76</v>
      </c>
    </row>
    <row r="3" spans="2:15" s="114" customFormat="1" ht="22.5" customHeight="1" x14ac:dyDescent="0.4">
      <c r="B3" s="51" t="s">
        <v>75</v>
      </c>
    </row>
    <row r="5" spans="2:15" x14ac:dyDescent="0.4">
      <c r="B5" s="141" t="s">
        <v>218</v>
      </c>
      <c r="C5" s="142"/>
      <c r="D5" s="142"/>
      <c r="E5" s="142"/>
      <c r="F5" s="142"/>
      <c r="G5" s="142"/>
      <c r="H5" s="142"/>
      <c r="I5" s="142"/>
      <c r="J5" s="142"/>
      <c r="K5" s="142"/>
      <c r="L5" s="142"/>
      <c r="M5" s="142"/>
      <c r="N5" s="142"/>
      <c r="O5" s="142"/>
    </row>
    <row r="6" spans="2:15" ht="23.25" customHeight="1" x14ac:dyDescent="0.4">
      <c r="B6" s="142"/>
      <c r="C6" s="142"/>
      <c r="D6" s="142"/>
      <c r="E6" s="142"/>
      <c r="F6" s="142"/>
      <c r="G6" s="142"/>
      <c r="H6" s="142"/>
      <c r="I6" s="142"/>
      <c r="J6" s="142"/>
      <c r="K6" s="142"/>
      <c r="L6" s="142"/>
      <c r="M6" s="142"/>
      <c r="N6" s="142"/>
      <c r="O6" s="142"/>
    </row>
    <row r="7" spans="2:15" x14ac:dyDescent="0.4">
      <c r="O7" s="113" t="s">
        <v>71</v>
      </c>
    </row>
    <row r="8" spans="2:15" ht="21.95" customHeight="1" x14ac:dyDescent="0.4">
      <c r="B8" s="143" t="s">
        <v>217</v>
      </c>
      <c r="C8" s="144"/>
      <c r="D8" s="144"/>
      <c r="E8" s="144"/>
      <c r="F8" s="144"/>
      <c r="G8" s="144"/>
      <c r="H8" s="145"/>
      <c r="I8" s="112" t="s">
        <v>216</v>
      </c>
      <c r="J8" s="111" t="s">
        <v>215</v>
      </c>
      <c r="K8" s="111" t="s">
        <v>214</v>
      </c>
      <c r="L8" s="111" t="s">
        <v>213</v>
      </c>
      <c r="M8" s="111" t="s">
        <v>212</v>
      </c>
      <c r="N8" s="111" t="s">
        <v>211</v>
      </c>
      <c r="O8" s="111" t="s">
        <v>210</v>
      </c>
    </row>
    <row r="9" spans="2:15" ht="21.95" customHeight="1" x14ac:dyDescent="0.4">
      <c r="B9" s="146"/>
      <c r="C9" s="147"/>
      <c r="D9" s="147"/>
      <c r="E9" s="147"/>
      <c r="F9" s="147"/>
      <c r="G9" s="147"/>
      <c r="H9" s="148"/>
      <c r="I9" s="110" t="s">
        <v>209</v>
      </c>
      <c r="J9" s="110" t="s">
        <v>208</v>
      </c>
      <c r="K9" s="110" t="s">
        <v>207</v>
      </c>
      <c r="L9" s="110" t="s">
        <v>206</v>
      </c>
      <c r="M9" s="110" t="s">
        <v>205</v>
      </c>
      <c r="N9" s="110" t="s">
        <v>204</v>
      </c>
      <c r="O9" s="110" t="s">
        <v>203</v>
      </c>
    </row>
    <row r="10" spans="2:15" ht="21.95" customHeight="1" x14ac:dyDescent="0.4">
      <c r="B10" s="109" t="s">
        <v>48</v>
      </c>
      <c r="C10" s="108"/>
      <c r="D10" s="108"/>
      <c r="E10" s="108"/>
      <c r="F10" s="108"/>
      <c r="G10" s="108"/>
      <c r="H10" s="107"/>
      <c r="I10" s="106">
        <v>0</v>
      </c>
      <c r="J10" s="106">
        <v>0</v>
      </c>
      <c r="K10" s="106">
        <v>0</v>
      </c>
      <c r="L10" s="106">
        <v>0</v>
      </c>
      <c r="M10" s="106">
        <v>0</v>
      </c>
      <c r="N10" s="106">
        <v>0</v>
      </c>
      <c r="O10" s="106">
        <v>0</v>
      </c>
    </row>
    <row r="11" spans="2:15" ht="21.95" customHeight="1" x14ac:dyDescent="0.4">
      <c r="B11" s="109"/>
      <c r="C11" s="108" t="s">
        <v>46</v>
      </c>
      <c r="D11" s="108"/>
      <c r="E11" s="108"/>
      <c r="F11" s="108"/>
      <c r="G11" s="108"/>
      <c r="H11" s="107"/>
      <c r="I11" s="106">
        <v>0</v>
      </c>
      <c r="J11" s="106">
        <v>0</v>
      </c>
      <c r="K11" s="106">
        <v>0</v>
      </c>
      <c r="L11" s="106">
        <v>0</v>
      </c>
      <c r="M11" s="106">
        <v>0</v>
      </c>
      <c r="N11" s="106">
        <v>0</v>
      </c>
      <c r="O11" s="106">
        <v>0</v>
      </c>
    </row>
    <row r="12" spans="2:15" ht="21.95" customHeight="1" x14ac:dyDescent="0.4">
      <c r="B12" s="109"/>
      <c r="C12" s="108"/>
      <c r="D12" s="108" t="s">
        <v>28</v>
      </c>
      <c r="E12" s="108"/>
      <c r="F12" s="108"/>
      <c r="G12" s="108"/>
      <c r="H12" s="107"/>
      <c r="I12" s="106">
        <v>0</v>
      </c>
      <c r="J12" s="106">
        <v>0</v>
      </c>
      <c r="K12" s="106">
        <v>0</v>
      </c>
      <c r="L12" s="106">
        <v>0</v>
      </c>
      <c r="M12" s="106">
        <v>0</v>
      </c>
      <c r="N12" s="106">
        <v>0</v>
      </c>
      <c r="O12" s="106">
        <v>0</v>
      </c>
    </row>
    <row r="13" spans="2:15" ht="21.95" customHeight="1" x14ac:dyDescent="0.4">
      <c r="B13" s="109"/>
      <c r="C13" s="108"/>
      <c r="D13" s="108" t="s">
        <v>27</v>
      </c>
      <c r="E13" s="108"/>
      <c r="F13" s="108"/>
      <c r="G13" s="108"/>
      <c r="H13" s="107"/>
      <c r="I13" s="106">
        <v>0</v>
      </c>
      <c r="J13" s="106">
        <v>0</v>
      </c>
      <c r="K13" s="106">
        <v>0</v>
      </c>
      <c r="L13" s="106">
        <v>0</v>
      </c>
      <c r="M13" s="106">
        <v>0</v>
      </c>
      <c r="N13" s="106">
        <v>0</v>
      </c>
      <c r="O13" s="106">
        <v>0</v>
      </c>
    </row>
    <row r="14" spans="2:15" ht="21.95" customHeight="1" x14ac:dyDescent="0.4">
      <c r="B14" s="109"/>
      <c r="C14" s="108"/>
      <c r="D14" s="108" t="s">
        <v>26</v>
      </c>
      <c r="E14" s="108"/>
      <c r="F14" s="108"/>
      <c r="G14" s="108"/>
      <c r="H14" s="107"/>
      <c r="I14" s="106">
        <v>0</v>
      </c>
      <c r="J14" s="106">
        <v>0</v>
      </c>
      <c r="K14" s="106">
        <v>0</v>
      </c>
      <c r="L14" s="106">
        <v>0</v>
      </c>
      <c r="M14" s="106">
        <v>0</v>
      </c>
      <c r="N14" s="106">
        <v>0</v>
      </c>
      <c r="O14" s="106">
        <v>0</v>
      </c>
    </row>
    <row r="15" spans="2:15" ht="21.95" customHeight="1" x14ac:dyDescent="0.4">
      <c r="B15" s="109"/>
      <c r="C15" s="108"/>
      <c r="D15" s="108" t="s">
        <v>41</v>
      </c>
      <c r="E15" s="108"/>
      <c r="F15" s="108"/>
      <c r="G15" s="108"/>
      <c r="H15" s="107"/>
      <c r="I15" s="106">
        <v>0</v>
      </c>
      <c r="J15" s="106">
        <v>0</v>
      </c>
      <c r="K15" s="106">
        <v>0</v>
      </c>
      <c r="L15" s="106">
        <v>0</v>
      </c>
      <c r="M15" s="106">
        <v>0</v>
      </c>
      <c r="N15" s="106">
        <v>0</v>
      </c>
      <c r="O15" s="106">
        <v>0</v>
      </c>
    </row>
    <row r="16" spans="2:15" ht="21.95" customHeight="1" x14ac:dyDescent="0.4">
      <c r="B16" s="109"/>
      <c r="C16" s="108"/>
      <c r="D16" s="108" t="s">
        <v>39</v>
      </c>
      <c r="E16" s="108"/>
      <c r="F16" s="108"/>
      <c r="G16" s="108"/>
      <c r="H16" s="107"/>
      <c r="I16" s="106">
        <v>0</v>
      </c>
      <c r="J16" s="106">
        <v>0</v>
      </c>
      <c r="K16" s="106">
        <v>0</v>
      </c>
      <c r="L16" s="106">
        <v>0</v>
      </c>
      <c r="M16" s="106">
        <v>0</v>
      </c>
      <c r="N16" s="106">
        <v>0</v>
      </c>
      <c r="O16" s="106">
        <v>0</v>
      </c>
    </row>
    <row r="17" spans="2:15" ht="21.95" customHeight="1" x14ac:dyDescent="0.4">
      <c r="B17" s="109"/>
      <c r="C17" s="108"/>
      <c r="D17" s="108" t="s">
        <v>37</v>
      </c>
      <c r="E17" s="108"/>
      <c r="F17" s="108"/>
      <c r="G17" s="108"/>
      <c r="H17" s="107"/>
      <c r="I17" s="106">
        <v>0</v>
      </c>
      <c r="J17" s="106">
        <v>0</v>
      </c>
      <c r="K17" s="106">
        <v>0</v>
      </c>
      <c r="L17" s="106">
        <v>0</v>
      </c>
      <c r="M17" s="106">
        <v>0</v>
      </c>
      <c r="N17" s="106">
        <v>0</v>
      </c>
      <c r="O17" s="106">
        <v>0</v>
      </c>
    </row>
    <row r="18" spans="2:15" ht="21.95" customHeight="1" x14ac:dyDescent="0.4">
      <c r="B18" s="109"/>
      <c r="C18" s="108"/>
      <c r="D18" s="108" t="s">
        <v>35</v>
      </c>
      <c r="E18" s="108"/>
      <c r="F18" s="108"/>
      <c r="G18" s="108"/>
      <c r="H18" s="107"/>
      <c r="I18" s="106">
        <v>0</v>
      </c>
      <c r="J18" s="106">
        <v>0</v>
      </c>
      <c r="K18" s="106">
        <v>0</v>
      </c>
      <c r="L18" s="106">
        <v>0</v>
      </c>
      <c r="M18" s="106">
        <v>0</v>
      </c>
      <c r="N18" s="106">
        <v>0</v>
      </c>
      <c r="O18" s="106">
        <v>0</v>
      </c>
    </row>
    <row r="19" spans="2:15" ht="21.95" customHeight="1" x14ac:dyDescent="0.4">
      <c r="B19" s="109"/>
      <c r="C19" s="108" t="s">
        <v>33</v>
      </c>
      <c r="D19" s="108"/>
      <c r="E19" s="108"/>
      <c r="F19" s="108"/>
      <c r="G19" s="108"/>
      <c r="H19" s="107"/>
      <c r="I19" s="106">
        <v>0</v>
      </c>
      <c r="J19" s="106">
        <v>0</v>
      </c>
      <c r="K19" s="106">
        <v>0</v>
      </c>
      <c r="L19" s="106">
        <v>0</v>
      </c>
      <c r="M19" s="106">
        <v>0</v>
      </c>
      <c r="N19" s="106">
        <v>0</v>
      </c>
      <c r="O19" s="106">
        <v>0</v>
      </c>
    </row>
    <row r="20" spans="2:15" ht="21.95" customHeight="1" x14ac:dyDescent="0.4">
      <c r="B20" s="109"/>
      <c r="C20" s="108"/>
      <c r="D20" s="108" t="s">
        <v>24</v>
      </c>
      <c r="E20" s="108"/>
      <c r="F20" s="108"/>
      <c r="G20" s="108"/>
      <c r="H20" s="107"/>
      <c r="I20" s="106">
        <v>0</v>
      </c>
      <c r="J20" s="106">
        <v>0</v>
      </c>
      <c r="K20" s="106">
        <v>0</v>
      </c>
      <c r="L20" s="106">
        <v>0</v>
      </c>
      <c r="M20" s="106">
        <v>0</v>
      </c>
      <c r="N20" s="106">
        <v>0</v>
      </c>
      <c r="O20" s="106">
        <v>0</v>
      </c>
    </row>
    <row r="21" spans="2:15" ht="21.95" customHeight="1" x14ac:dyDescent="0.4">
      <c r="B21" s="109"/>
      <c r="C21" s="108"/>
      <c r="D21" s="108" t="s">
        <v>23</v>
      </c>
      <c r="E21" s="108"/>
      <c r="F21" s="108"/>
      <c r="G21" s="108"/>
      <c r="H21" s="107"/>
      <c r="I21" s="106">
        <v>0</v>
      </c>
      <c r="J21" s="106">
        <v>0</v>
      </c>
      <c r="K21" s="106">
        <v>0</v>
      </c>
      <c r="L21" s="106">
        <v>0</v>
      </c>
      <c r="M21" s="106">
        <v>0</v>
      </c>
      <c r="N21" s="106">
        <v>0</v>
      </c>
      <c r="O21" s="106">
        <v>0</v>
      </c>
    </row>
    <row r="22" spans="2:15" ht="21.95" customHeight="1" x14ac:dyDescent="0.4">
      <c r="B22" s="109" t="s">
        <v>30</v>
      </c>
      <c r="C22" s="108"/>
      <c r="D22" s="108"/>
      <c r="E22" s="108"/>
      <c r="F22" s="108"/>
      <c r="G22" s="108"/>
      <c r="H22" s="107"/>
      <c r="I22" s="106">
        <v>0</v>
      </c>
      <c r="J22" s="106">
        <v>0</v>
      </c>
      <c r="K22" s="106">
        <v>0</v>
      </c>
      <c r="L22" s="106">
        <v>0</v>
      </c>
      <c r="M22" s="106">
        <v>0</v>
      </c>
      <c r="N22" s="106">
        <v>0</v>
      </c>
      <c r="O22" s="106">
        <v>0</v>
      </c>
    </row>
    <row r="23" spans="2:15" ht="21.95" customHeight="1" x14ac:dyDescent="0.4">
      <c r="B23" s="109"/>
      <c r="C23" s="108" t="s">
        <v>29</v>
      </c>
      <c r="D23" s="108"/>
      <c r="E23" s="108"/>
      <c r="F23" s="108"/>
      <c r="G23" s="108"/>
      <c r="H23" s="107"/>
      <c r="I23" s="106">
        <v>0</v>
      </c>
      <c r="J23" s="106">
        <v>0</v>
      </c>
      <c r="K23" s="106">
        <v>0</v>
      </c>
      <c r="L23" s="106">
        <v>0</v>
      </c>
      <c r="M23" s="106">
        <v>0</v>
      </c>
      <c r="N23" s="106">
        <v>0</v>
      </c>
      <c r="O23" s="106">
        <v>0</v>
      </c>
    </row>
    <row r="24" spans="2:15" ht="21.95" customHeight="1" x14ac:dyDescent="0.4">
      <c r="B24" s="109"/>
      <c r="C24" s="108"/>
      <c r="D24" s="108" t="s">
        <v>28</v>
      </c>
      <c r="E24" s="108"/>
      <c r="F24" s="108"/>
      <c r="G24" s="108"/>
      <c r="H24" s="107"/>
      <c r="I24" s="106">
        <v>0</v>
      </c>
      <c r="J24" s="106">
        <v>0</v>
      </c>
      <c r="K24" s="106">
        <v>0</v>
      </c>
      <c r="L24" s="106">
        <v>0</v>
      </c>
      <c r="M24" s="106">
        <v>0</v>
      </c>
      <c r="N24" s="106">
        <v>0</v>
      </c>
      <c r="O24" s="106">
        <v>0</v>
      </c>
    </row>
    <row r="25" spans="2:15" ht="21.95" customHeight="1" x14ac:dyDescent="0.4">
      <c r="B25" s="109"/>
      <c r="C25" s="108"/>
      <c r="D25" s="108" t="s">
        <v>27</v>
      </c>
      <c r="E25" s="108"/>
      <c r="F25" s="108"/>
      <c r="G25" s="108"/>
      <c r="H25" s="107"/>
      <c r="I25" s="106">
        <v>0</v>
      </c>
      <c r="J25" s="106">
        <v>0</v>
      </c>
      <c r="K25" s="106">
        <v>0</v>
      </c>
      <c r="L25" s="106">
        <v>0</v>
      </c>
      <c r="M25" s="106">
        <v>0</v>
      </c>
      <c r="N25" s="106">
        <v>0</v>
      </c>
      <c r="O25" s="106">
        <v>0</v>
      </c>
    </row>
    <row r="26" spans="2:15" ht="21.95" customHeight="1" x14ac:dyDescent="0.4">
      <c r="B26" s="109"/>
      <c r="C26" s="108"/>
      <c r="D26" s="108" t="s">
        <v>26</v>
      </c>
      <c r="E26" s="108"/>
      <c r="F26" s="108"/>
      <c r="G26" s="108"/>
      <c r="H26" s="107"/>
      <c r="I26" s="106">
        <v>0</v>
      </c>
      <c r="J26" s="106">
        <v>0</v>
      </c>
      <c r="K26" s="106">
        <v>0</v>
      </c>
      <c r="L26" s="106">
        <v>0</v>
      </c>
      <c r="M26" s="106">
        <v>0</v>
      </c>
      <c r="N26" s="106">
        <v>0</v>
      </c>
      <c r="O26" s="106">
        <v>0</v>
      </c>
    </row>
    <row r="27" spans="2:15" ht="21.95" customHeight="1" x14ac:dyDescent="0.4">
      <c r="B27" s="109"/>
      <c r="C27" s="108" t="s">
        <v>25</v>
      </c>
      <c r="D27" s="108"/>
      <c r="E27" s="108"/>
      <c r="F27" s="108"/>
      <c r="G27" s="108"/>
      <c r="H27" s="107"/>
      <c r="I27" s="106">
        <v>0</v>
      </c>
      <c r="J27" s="106">
        <v>0</v>
      </c>
      <c r="K27" s="106">
        <v>0</v>
      </c>
      <c r="L27" s="106">
        <v>0</v>
      </c>
      <c r="M27" s="106">
        <v>0</v>
      </c>
      <c r="N27" s="106">
        <v>0</v>
      </c>
      <c r="O27" s="106">
        <v>0</v>
      </c>
    </row>
    <row r="28" spans="2:15" ht="21.95" customHeight="1" x14ac:dyDescent="0.4">
      <c r="B28" s="109"/>
      <c r="C28" s="108"/>
      <c r="D28" s="108" t="s">
        <v>24</v>
      </c>
      <c r="E28" s="108"/>
      <c r="F28" s="108"/>
      <c r="G28" s="108"/>
      <c r="H28" s="107"/>
      <c r="I28" s="106">
        <v>0</v>
      </c>
      <c r="J28" s="106">
        <v>0</v>
      </c>
      <c r="K28" s="106">
        <v>0</v>
      </c>
      <c r="L28" s="106">
        <v>0</v>
      </c>
      <c r="M28" s="106">
        <v>0</v>
      </c>
      <c r="N28" s="106">
        <v>0</v>
      </c>
      <c r="O28" s="106">
        <v>0</v>
      </c>
    </row>
    <row r="29" spans="2:15" ht="21.95" customHeight="1" x14ac:dyDescent="0.4">
      <c r="B29" s="109"/>
      <c r="C29" s="108"/>
      <c r="D29" s="108" t="s">
        <v>23</v>
      </c>
      <c r="E29" s="108"/>
      <c r="F29" s="108"/>
      <c r="G29" s="108"/>
      <c r="H29" s="107"/>
      <c r="I29" s="106">
        <v>0</v>
      </c>
      <c r="J29" s="106">
        <v>0</v>
      </c>
      <c r="K29" s="106">
        <v>0</v>
      </c>
      <c r="L29" s="106">
        <v>0</v>
      </c>
      <c r="M29" s="106">
        <v>0</v>
      </c>
      <c r="N29" s="106">
        <v>0</v>
      </c>
      <c r="O29" s="106">
        <v>0</v>
      </c>
    </row>
    <row r="30" spans="2:15" ht="21.95" customHeight="1" x14ac:dyDescent="0.4">
      <c r="B30" s="109" t="s">
        <v>22</v>
      </c>
      <c r="C30" s="108"/>
      <c r="D30" s="108"/>
      <c r="E30" s="108"/>
      <c r="F30" s="108"/>
      <c r="G30" s="108"/>
      <c r="H30" s="107"/>
      <c r="I30" s="106">
        <v>0</v>
      </c>
      <c r="J30" s="106">
        <v>0</v>
      </c>
      <c r="K30" s="106">
        <v>0</v>
      </c>
      <c r="L30" s="106">
        <v>0</v>
      </c>
      <c r="M30" s="106">
        <v>0</v>
      </c>
      <c r="N30" s="106">
        <v>0</v>
      </c>
      <c r="O30" s="106">
        <v>0</v>
      </c>
    </row>
    <row r="31" spans="2:15" ht="21.95" customHeight="1" x14ac:dyDescent="0.4">
      <c r="B31" s="109" t="s">
        <v>21</v>
      </c>
      <c r="C31" s="108"/>
      <c r="D31" s="108"/>
      <c r="E31" s="108"/>
      <c r="F31" s="108"/>
      <c r="G31" s="108"/>
      <c r="H31" s="107"/>
      <c r="I31" s="106">
        <v>0</v>
      </c>
      <c r="J31" s="106">
        <v>0</v>
      </c>
      <c r="K31" s="106">
        <v>0</v>
      </c>
      <c r="L31" s="106">
        <v>0</v>
      </c>
      <c r="M31" s="106">
        <v>0</v>
      </c>
      <c r="N31" s="106">
        <v>0</v>
      </c>
      <c r="O31" s="106">
        <v>0</v>
      </c>
    </row>
    <row r="32" spans="2:15" ht="21.95" customHeight="1" x14ac:dyDescent="0.4">
      <c r="B32" s="109" t="s">
        <v>20</v>
      </c>
      <c r="C32" s="108"/>
      <c r="D32" s="108"/>
      <c r="E32" s="108"/>
      <c r="F32" s="108"/>
      <c r="G32" s="108"/>
      <c r="H32" s="107"/>
      <c r="I32" s="106">
        <v>0</v>
      </c>
      <c r="J32" s="106">
        <v>0</v>
      </c>
      <c r="K32" s="106">
        <v>0</v>
      </c>
      <c r="L32" s="106">
        <v>0</v>
      </c>
      <c r="M32" s="106">
        <v>0</v>
      </c>
      <c r="N32" s="106">
        <v>0</v>
      </c>
      <c r="O32" s="106">
        <v>0</v>
      </c>
    </row>
    <row r="33" spans="2:15" ht="21.95" customHeight="1" x14ac:dyDescent="0.4">
      <c r="B33" s="109" t="s">
        <v>19</v>
      </c>
      <c r="C33" s="108"/>
      <c r="D33" s="108"/>
      <c r="E33" s="108"/>
      <c r="F33" s="108"/>
      <c r="G33" s="108"/>
      <c r="H33" s="107"/>
      <c r="I33" s="106">
        <v>0</v>
      </c>
      <c r="J33" s="106">
        <v>0</v>
      </c>
      <c r="K33" s="106">
        <v>0</v>
      </c>
      <c r="L33" s="106">
        <v>0</v>
      </c>
      <c r="M33" s="106">
        <v>0</v>
      </c>
      <c r="N33" s="106">
        <v>0</v>
      </c>
      <c r="O33" s="106">
        <v>0</v>
      </c>
    </row>
    <row r="34" spans="2:15" ht="21.95" customHeight="1" x14ac:dyDescent="0.4">
      <c r="B34" s="109" t="s">
        <v>14</v>
      </c>
      <c r="C34" s="108"/>
      <c r="D34" s="108"/>
      <c r="E34" s="108"/>
      <c r="F34" s="108"/>
      <c r="G34" s="108"/>
      <c r="H34" s="107"/>
      <c r="I34" s="106">
        <v>0</v>
      </c>
      <c r="J34" s="106">
        <v>0</v>
      </c>
      <c r="K34" s="106">
        <v>0</v>
      </c>
      <c r="L34" s="106">
        <v>0</v>
      </c>
      <c r="M34" s="106">
        <v>0</v>
      </c>
      <c r="N34" s="106">
        <v>0</v>
      </c>
      <c r="O34" s="106">
        <v>0</v>
      </c>
    </row>
    <row r="35" spans="2:15" ht="21.95" customHeight="1" x14ac:dyDescent="0.4">
      <c r="B35" s="149" t="s">
        <v>202</v>
      </c>
      <c r="C35" s="150"/>
      <c r="D35" s="150"/>
      <c r="E35" s="150"/>
      <c r="F35" s="150"/>
      <c r="G35" s="150"/>
      <c r="H35" s="151"/>
      <c r="I35" s="106">
        <v>0</v>
      </c>
      <c r="J35" s="106">
        <v>0</v>
      </c>
      <c r="K35" s="106">
        <v>0</v>
      </c>
      <c r="L35" s="106">
        <v>0</v>
      </c>
      <c r="M35" s="106">
        <v>0</v>
      </c>
      <c r="N35" s="106">
        <v>0</v>
      </c>
      <c r="O35" s="106">
        <v>0</v>
      </c>
    </row>
    <row r="36" spans="2:15" ht="12" customHeight="1" x14ac:dyDescent="0.4"/>
    <row r="37" spans="2:15" ht="21.95" customHeight="1" x14ac:dyDescent="0.4">
      <c r="B37" s="152"/>
      <c r="C37" s="152"/>
      <c r="D37" s="152"/>
      <c r="E37" s="152"/>
      <c r="F37" s="152"/>
      <c r="G37" s="152"/>
      <c r="H37" s="152"/>
      <c r="I37" s="152"/>
      <c r="J37" s="152"/>
      <c r="K37" s="152"/>
      <c r="L37" s="152"/>
      <c r="M37" s="152"/>
      <c r="N37" s="152"/>
      <c r="O37" s="152"/>
    </row>
  </sheetData>
  <mergeCells count="4">
    <mergeCell ref="B5:O6"/>
    <mergeCell ref="B8:H9"/>
    <mergeCell ref="B35:H35"/>
    <mergeCell ref="B37:O37"/>
  </mergeCells>
  <phoneticPr fontId="3"/>
  <printOptions horizontalCentered="1"/>
  <pageMargins left="0.27559055118110237" right="0.15748031496062992" top="0.55118110236220474" bottom="0.43307086614173229" header="0.70866141732283472" footer="0.31496062992125984"/>
  <pageSetup paperSize="9" scale="52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93D1D9E-F893-4B10-A18D-D4D70BE6615B}">
  <dimension ref="B1:N19"/>
  <sheetViews>
    <sheetView showGridLines="0" view="pageBreakPreview" zoomScale="60" zoomScaleNormal="55" workbookViewId="0"/>
  </sheetViews>
  <sheetFormatPr defaultColWidth="8.875" defaultRowHeight="18.75" x14ac:dyDescent="0.4"/>
  <cols>
    <col min="1" max="1" width="2.625" style="114" customWidth="1"/>
    <col min="2" max="3" width="3.5" style="114" customWidth="1"/>
    <col min="4" max="4" width="6.5" style="114" customWidth="1"/>
    <col min="5" max="7" width="3.5" style="114" customWidth="1"/>
    <col min="8" max="8" width="21.75" style="114" customWidth="1"/>
    <col min="9" max="14" width="31.125" style="114" customWidth="1"/>
    <col min="15" max="15" width="2.625" style="114" customWidth="1"/>
    <col min="16" max="16384" width="8.875" style="114"/>
  </cols>
  <sheetData>
    <row r="1" spans="2:14" ht="22.5" customHeight="1" x14ac:dyDescent="0.4">
      <c r="B1" s="51" t="s">
        <v>77</v>
      </c>
    </row>
    <row r="2" spans="2:14" ht="22.5" customHeight="1" x14ac:dyDescent="0.4">
      <c r="B2" s="51" t="s">
        <v>76</v>
      </c>
    </row>
    <row r="3" spans="2:14" ht="22.5" customHeight="1" x14ac:dyDescent="0.4">
      <c r="B3" s="51" t="s">
        <v>75</v>
      </c>
    </row>
    <row r="5" spans="2:14" x14ac:dyDescent="0.4">
      <c r="B5" s="153" t="s">
        <v>230</v>
      </c>
      <c r="C5" s="154"/>
      <c r="D5" s="154"/>
      <c r="E5" s="154"/>
      <c r="F5" s="154"/>
      <c r="G5" s="154"/>
      <c r="H5" s="154"/>
      <c r="I5" s="154"/>
      <c r="J5" s="154"/>
      <c r="K5" s="154"/>
      <c r="L5" s="154"/>
      <c r="M5" s="154"/>
      <c r="N5" s="154"/>
    </row>
    <row r="6" spans="2:14" x14ac:dyDescent="0.4">
      <c r="B6" s="154"/>
      <c r="C6" s="154"/>
      <c r="D6" s="154"/>
      <c r="E6" s="154"/>
      <c r="F6" s="154"/>
      <c r="G6" s="154"/>
      <c r="H6" s="154"/>
      <c r="I6" s="154"/>
      <c r="J6" s="154"/>
      <c r="K6" s="154"/>
      <c r="L6" s="154"/>
      <c r="M6" s="154"/>
      <c r="N6" s="154"/>
    </row>
    <row r="7" spans="2:14" x14ac:dyDescent="0.4">
      <c r="B7" s="155"/>
      <c r="C7" s="155"/>
      <c r="D7" s="155"/>
      <c r="F7" s="118"/>
      <c r="N7" s="117" t="s">
        <v>71</v>
      </c>
    </row>
    <row r="8" spans="2:14" ht="20.100000000000001" customHeight="1" x14ac:dyDescent="0.4">
      <c r="B8" s="156" t="s">
        <v>137</v>
      </c>
      <c r="C8" s="157"/>
      <c r="D8" s="157"/>
      <c r="E8" s="157"/>
      <c r="F8" s="157"/>
      <c r="G8" s="157"/>
      <c r="H8" s="158"/>
      <c r="I8" s="162" t="s">
        <v>216</v>
      </c>
      <c r="J8" s="162" t="s">
        <v>215</v>
      </c>
      <c r="K8" s="164" t="s">
        <v>214</v>
      </c>
      <c r="L8" s="165"/>
      <c r="M8" s="166"/>
      <c r="N8" s="167" t="s">
        <v>229</v>
      </c>
    </row>
    <row r="9" spans="2:14" ht="20.100000000000001" customHeight="1" x14ac:dyDescent="0.4">
      <c r="B9" s="159"/>
      <c r="C9" s="160"/>
      <c r="D9" s="160"/>
      <c r="E9" s="160"/>
      <c r="F9" s="160"/>
      <c r="G9" s="160"/>
      <c r="H9" s="161"/>
      <c r="I9" s="163"/>
      <c r="J9" s="163"/>
      <c r="K9" s="116" t="s">
        <v>228</v>
      </c>
      <c r="L9" s="116" t="s">
        <v>227</v>
      </c>
      <c r="M9" s="116" t="s">
        <v>226</v>
      </c>
      <c r="N9" s="168"/>
    </row>
    <row r="10" spans="2:14" ht="31.7" customHeight="1" x14ac:dyDescent="0.4">
      <c r="B10" s="169" t="s">
        <v>225</v>
      </c>
      <c r="C10" s="169"/>
      <c r="D10" s="169"/>
      <c r="E10" s="169"/>
      <c r="F10" s="169"/>
      <c r="G10" s="169"/>
      <c r="H10" s="169"/>
      <c r="I10" s="115">
        <v>0</v>
      </c>
      <c r="J10" s="115">
        <v>0</v>
      </c>
      <c r="K10" s="115">
        <v>0</v>
      </c>
      <c r="L10" s="115">
        <v>0</v>
      </c>
      <c r="M10" s="115">
        <v>0</v>
      </c>
      <c r="N10" s="115">
        <v>0</v>
      </c>
    </row>
    <row r="11" spans="2:14" ht="31.7" customHeight="1" x14ac:dyDescent="0.4">
      <c r="B11" s="169" t="s">
        <v>224</v>
      </c>
      <c r="C11" s="169"/>
      <c r="D11" s="169"/>
      <c r="E11" s="169"/>
      <c r="F11" s="169"/>
      <c r="G11" s="169"/>
      <c r="H11" s="169"/>
      <c r="I11" s="115">
        <v>0</v>
      </c>
      <c r="J11" s="115">
        <v>0</v>
      </c>
      <c r="K11" s="115">
        <v>0</v>
      </c>
      <c r="L11" s="115">
        <v>0</v>
      </c>
      <c r="M11" s="115">
        <v>0</v>
      </c>
      <c r="N11" s="115">
        <v>0</v>
      </c>
    </row>
    <row r="12" spans="2:14" ht="31.7" customHeight="1" x14ac:dyDescent="0.4">
      <c r="B12" s="169" t="s">
        <v>223</v>
      </c>
      <c r="C12" s="169"/>
      <c r="D12" s="169"/>
      <c r="E12" s="169"/>
      <c r="F12" s="169"/>
      <c r="G12" s="169"/>
      <c r="H12" s="169"/>
      <c r="I12" s="115">
        <v>0</v>
      </c>
      <c r="J12" s="115">
        <v>0</v>
      </c>
      <c r="K12" s="115">
        <v>0</v>
      </c>
      <c r="L12" s="115">
        <v>0</v>
      </c>
      <c r="M12" s="115">
        <v>0</v>
      </c>
      <c r="N12" s="115">
        <v>0</v>
      </c>
    </row>
    <row r="13" spans="2:14" ht="31.7" customHeight="1" x14ac:dyDescent="0.4">
      <c r="B13" s="169" t="s">
        <v>222</v>
      </c>
      <c r="C13" s="169"/>
      <c r="D13" s="169"/>
      <c r="E13" s="169"/>
      <c r="F13" s="169"/>
      <c r="G13" s="169"/>
      <c r="H13" s="169"/>
      <c r="I13" s="115">
        <v>0</v>
      </c>
      <c r="J13" s="115">
        <v>0</v>
      </c>
      <c r="K13" s="115">
        <v>0</v>
      </c>
      <c r="L13" s="115">
        <v>0</v>
      </c>
      <c r="M13" s="115">
        <v>0</v>
      </c>
      <c r="N13" s="115">
        <v>0</v>
      </c>
    </row>
    <row r="14" spans="2:14" ht="31.7" customHeight="1" x14ac:dyDescent="0.4">
      <c r="B14" s="169" t="s">
        <v>221</v>
      </c>
      <c r="C14" s="169"/>
      <c r="D14" s="169"/>
      <c r="E14" s="169"/>
      <c r="F14" s="169"/>
      <c r="G14" s="169"/>
      <c r="H14" s="169"/>
      <c r="I14" s="115">
        <v>0</v>
      </c>
      <c r="J14" s="115">
        <v>0</v>
      </c>
      <c r="K14" s="115">
        <v>0</v>
      </c>
      <c r="L14" s="115">
        <v>0</v>
      </c>
      <c r="M14" s="115">
        <v>0</v>
      </c>
      <c r="N14" s="115">
        <v>0</v>
      </c>
    </row>
    <row r="15" spans="2:14" ht="31.7" customHeight="1" x14ac:dyDescent="0.4">
      <c r="B15" s="169" t="s">
        <v>220</v>
      </c>
      <c r="C15" s="169"/>
      <c r="D15" s="169"/>
      <c r="E15" s="169"/>
      <c r="F15" s="169"/>
      <c r="G15" s="169"/>
      <c r="H15" s="169"/>
      <c r="I15" s="115">
        <v>0</v>
      </c>
      <c r="J15" s="115">
        <v>0</v>
      </c>
      <c r="K15" s="115">
        <v>0</v>
      </c>
      <c r="L15" s="115">
        <v>0</v>
      </c>
      <c r="M15" s="115">
        <v>0</v>
      </c>
      <c r="N15" s="115">
        <v>0</v>
      </c>
    </row>
    <row r="16" spans="2:14" ht="31.7" customHeight="1" x14ac:dyDescent="0.4">
      <c r="B16" s="169" t="s">
        <v>60</v>
      </c>
      <c r="C16" s="169"/>
      <c r="D16" s="169"/>
      <c r="E16" s="169"/>
      <c r="F16" s="169"/>
      <c r="G16" s="169"/>
      <c r="H16" s="169"/>
      <c r="I16" s="115">
        <v>0</v>
      </c>
      <c r="J16" s="115">
        <v>0</v>
      </c>
      <c r="K16" s="115">
        <v>0</v>
      </c>
      <c r="L16" s="115">
        <v>0</v>
      </c>
      <c r="M16" s="115">
        <v>0</v>
      </c>
      <c r="N16" s="115">
        <v>0</v>
      </c>
    </row>
    <row r="17" spans="2:14" ht="31.7" customHeight="1" x14ac:dyDescent="0.4">
      <c r="B17" s="169" t="s">
        <v>45</v>
      </c>
      <c r="C17" s="169"/>
      <c r="D17" s="169"/>
      <c r="E17" s="169"/>
      <c r="F17" s="169"/>
      <c r="G17" s="169"/>
      <c r="H17" s="169"/>
      <c r="I17" s="115">
        <v>0</v>
      </c>
      <c r="J17" s="115">
        <v>0</v>
      </c>
      <c r="K17" s="115">
        <v>0</v>
      </c>
      <c r="L17" s="115">
        <v>0</v>
      </c>
      <c r="M17" s="115">
        <v>0</v>
      </c>
      <c r="N17" s="115">
        <v>0</v>
      </c>
    </row>
    <row r="18" spans="2:14" ht="31.7" customHeight="1" x14ac:dyDescent="0.4">
      <c r="B18" s="169" t="s">
        <v>44</v>
      </c>
      <c r="C18" s="169"/>
      <c r="D18" s="169"/>
      <c r="E18" s="169"/>
      <c r="F18" s="169"/>
      <c r="G18" s="169"/>
      <c r="H18" s="169"/>
      <c r="I18" s="115">
        <v>0</v>
      </c>
      <c r="J18" s="115">
        <v>0</v>
      </c>
      <c r="K18" s="115">
        <v>0</v>
      </c>
      <c r="L18" s="115">
        <v>0</v>
      </c>
      <c r="M18" s="115">
        <v>0</v>
      </c>
      <c r="N18" s="115">
        <v>0</v>
      </c>
    </row>
    <row r="19" spans="2:14" ht="31.7" customHeight="1" x14ac:dyDescent="0.4">
      <c r="B19" s="170" t="s">
        <v>219</v>
      </c>
      <c r="C19" s="170"/>
      <c r="D19" s="170"/>
      <c r="E19" s="170"/>
      <c r="F19" s="170"/>
      <c r="G19" s="170"/>
      <c r="H19" s="170"/>
      <c r="I19" s="115">
        <v>0</v>
      </c>
      <c r="J19" s="115">
        <v>0</v>
      </c>
      <c r="K19" s="115">
        <v>0</v>
      </c>
      <c r="L19" s="115">
        <v>0</v>
      </c>
      <c r="M19" s="115">
        <v>0</v>
      </c>
      <c r="N19" s="115">
        <v>0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3"/>
  <printOptions horizontalCentered="1"/>
  <pageMargins left="0.39370078740157483" right="0.15748031496062992" top="0.55118110236220474" bottom="0.43307086614173229" header="0.70866141732283472" footer="0.31496062992125984"/>
  <pageSetup paperSize="9" scale="53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8</vt:i4>
      </vt:variant>
    </vt:vector>
  </HeadingPairs>
  <TitlesOfParts>
    <vt:vector size="15" baseType="lpstr">
      <vt:lpstr>貸借対照表</vt:lpstr>
      <vt:lpstr>行政コスト計算書</vt:lpstr>
      <vt:lpstr>純資産変動計算書</vt:lpstr>
      <vt:lpstr>キャッシュフロー計算書</vt:lpstr>
      <vt:lpstr>注記 </vt:lpstr>
      <vt:lpstr>有形固定資産等明細表</vt:lpstr>
      <vt:lpstr>引当金明細表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'注記 '!Print_Area</vt:lpstr>
      <vt:lpstr>有形固定資産等明細表!Print_Area</vt:lpstr>
      <vt:lpstr>'注記 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4T07:04:35Z</dcterms:created>
  <dcterms:modified xsi:type="dcterms:W3CDTF">2025-10-14T07:04:41Z</dcterms:modified>
</cp:coreProperties>
</file>